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1_衆院選\01_小選挙区\01_中間投票\1600\"/>
    </mc:Choice>
  </mc:AlternateContent>
  <xr:revisionPtr revIDLastSave="0" documentId="8_{017595D6-3A44-4FC2-B08D-3003C248776F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国内" sheetId="3" r:id="rId1"/>
  </sheets>
  <definedNames>
    <definedName name="_xlnm.Print_Titles" localSheetId="0">国内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7" uniqueCount="121">
  <si>
    <t>開票区名</t>
    <rPh sb="0" eb="2">
      <t>カイヒョウ</t>
    </rPh>
    <rPh sb="2" eb="3">
      <t>ク</t>
    </rPh>
    <rPh sb="3" eb="4">
      <t>メイ</t>
    </rPh>
    <phoneticPr fontId="3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神奈川県選挙管理委員会</t>
  </si>
  <si>
    <t>横浜市（第１区）</t>
  </si>
  <si>
    <t>横浜市中区</t>
  </si>
  <si>
    <t>横浜市磯子区</t>
  </si>
  <si>
    <t>横浜市金沢区</t>
  </si>
  <si>
    <t>第１区計</t>
  </si>
  <si>
    <t>横浜市（第２区）</t>
  </si>
  <si>
    <t>横浜市西区</t>
  </si>
  <si>
    <t>横浜市南区</t>
  </si>
  <si>
    <t>横浜市港南区</t>
  </si>
  <si>
    <t>第２区計</t>
  </si>
  <si>
    <t>横浜市（第３区）</t>
  </si>
  <si>
    <t>横浜市鶴見区</t>
  </si>
  <si>
    <t>横浜市神奈川区</t>
  </si>
  <si>
    <t>第３区計</t>
  </si>
  <si>
    <t>横浜市（第４区）</t>
  </si>
  <si>
    <t>横浜市栄区</t>
  </si>
  <si>
    <t>鎌倉市</t>
  </si>
  <si>
    <t>逗子市</t>
  </si>
  <si>
    <t>三浦郡</t>
  </si>
  <si>
    <t>葉山町</t>
  </si>
  <si>
    <t>第４区計</t>
  </si>
  <si>
    <t>横浜市（第５区）</t>
  </si>
  <si>
    <t>横浜市戸塚区</t>
  </si>
  <si>
    <t>横浜市泉区</t>
  </si>
  <si>
    <t>第５区計</t>
  </si>
  <si>
    <t>横浜市（第６区）</t>
  </si>
  <si>
    <t>横浜市保土ケ谷区</t>
  </si>
  <si>
    <t>横浜市旭区</t>
  </si>
  <si>
    <t>第６区計</t>
  </si>
  <si>
    <t>横浜市（第７区）</t>
  </si>
  <si>
    <t>横浜市港北区</t>
  </si>
  <si>
    <t>第７区計</t>
  </si>
  <si>
    <t>横浜市（第８区）</t>
  </si>
  <si>
    <t>横浜市緑区</t>
  </si>
  <si>
    <t>横浜市青葉区</t>
  </si>
  <si>
    <t>第８区計</t>
  </si>
  <si>
    <t>川崎市（第９区）</t>
  </si>
  <si>
    <t>川崎市多摩区</t>
  </si>
  <si>
    <t>川崎市麻生区</t>
  </si>
  <si>
    <t>第９区計</t>
  </si>
  <si>
    <t>川崎市（第１０区）</t>
  </si>
  <si>
    <t>川崎市川崎区</t>
  </si>
  <si>
    <t>川崎市幸区</t>
  </si>
  <si>
    <t>第１０区計</t>
  </si>
  <si>
    <t>横須賀市</t>
  </si>
  <si>
    <t>三浦市</t>
  </si>
  <si>
    <t>第１１区計</t>
  </si>
  <si>
    <t>藤沢市</t>
  </si>
  <si>
    <t>高座郡</t>
  </si>
  <si>
    <t>寒川町</t>
  </si>
  <si>
    <t>第１２区計</t>
  </si>
  <si>
    <t>横浜市（第１３区）</t>
  </si>
  <si>
    <t>横浜市瀬谷区</t>
  </si>
  <si>
    <t>大和市</t>
  </si>
  <si>
    <t>綾瀬市</t>
  </si>
  <si>
    <t>第１３区計</t>
  </si>
  <si>
    <t>相模原市（第１４区）</t>
  </si>
  <si>
    <t>相模原市緑区</t>
  </si>
  <si>
    <t>相模原市中央区</t>
  </si>
  <si>
    <t>愛甲郡</t>
  </si>
  <si>
    <t>愛川町</t>
  </si>
  <si>
    <t>清川村</t>
  </si>
  <si>
    <t>第１４区計</t>
  </si>
  <si>
    <t>平塚市</t>
  </si>
  <si>
    <t>茅ヶ崎市</t>
  </si>
  <si>
    <t>中郡（第１５区）</t>
  </si>
  <si>
    <t>大磯町</t>
  </si>
  <si>
    <t>第１５区計</t>
  </si>
  <si>
    <t>厚木市</t>
  </si>
  <si>
    <t>伊勢原市</t>
  </si>
  <si>
    <t>海老名市</t>
  </si>
  <si>
    <t>第１６区計</t>
  </si>
  <si>
    <t>小田原市</t>
  </si>
  <si>
    <t>秦野市</t>
  </si>
  <si>
    <t>南足柄市</t>
  </si>
  <si>
    <t>中郡（第１７区）</t>
  </si>
  <si>
    <t>二宮町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７区計</t>
  </si>
  <si>
    <t>川崎市（第１８区）</t>
  </si>
  <si>
    <t>川崎市中原区</t>
  </si>
  <si>
    <t>川崎市高津区</t>
  </si>
  <si>
    <t>第１８区計</t>
  </si>
  <si>
    <t>横浜市（第１９区）</t>
  </si>
  <si>
    <t>横浜市都筑区</t>
  </si>
  <si>
    <t>川崎市（第１９区）</t>
  </si>
  <si>
    <t>川崎市宮前区</t>
  </si>
  <si>
    <t>第１９区計</t>
  </si>
  <si>
    <t>相模原市（第２０区）</t>
  </si>
  <si>
    <t>相模原市南区</t>
  </si>
  <si>
    <t>座間市</t>
  </si>
  <si>
    <t>第２０区計</t>
  </si>
  <si>
    <t>横浜市</t>
  </si>
  <si>
    <t>川崎市</t>
  </si>
  <si>
    <t>相模原市</t>
  </si>
  <si>
    <t>中郡</t>
  </si>
  <si>
    <t>指定都市計</t>
  </si>
  <si>
    <t>その他市計</t>
  </si>
  <si>
    <t>町村計</t>
  </si>
  <si>
    <t>県計</t>
  </si>
  <si>
    <t>推定投票者数</t>
    <rPh sb="0" eb="2">
      <t>スイテイ</t>
    </rPh>
    <rPh sb="2" eb="5">
      <t>トウヒョウシャ</t>
    </rPh>
    <rPh sb="5" eb="6">
      <t>スウ</t>
    </rPh>
    <phoneticPr fontId="3"/>
  </si>
  <si>
    <t>推定投票率（％）</t>
    <rPh sb="0" eb="2">
      <t>スイテイ</t>
    </rPh>
    <rPh sb="2" eb="4">
      <t>トウヒョウ</t>
    </rPh>
    <rPh sb="4" eb="5">
      <t>リツ</t>
    </rPh>
    <phoneticPr fontId="3"/>
  </si>
  <si>
    <t>令和8年2月8日 施行</t>
    <phoneticPr fontId="2"/>
  </si>
  <si>
    <t>中間(16時00分 現在)</t>
    <phoneticPr fontId="2"/>
  </si>
  <si>
    <t>衆議院小選挙区選出議員選挙　中間投票状況</t>
    <phoneticPr fontId="22"/>
  </si>
  <si>
    <t>(国内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\-#,##0;&quot;&quot;"/>
    <numFmt numFmtId="177" formatCode="#,##0.00;\-#,##0.00;&quot;&quot;"/>
  </numFmts>
  <fonts count="24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auto="1"/>
      </top>
      <bottom style="double">
        <color indexed="64"/>
      </bottom>
      <diagonal/>
    </border>
    <border>
      <left/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7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6" fillId="28" borderId="8" applyNumberFormat="0" applyFont="0" applyAlignment="0" applyProtection="0">
      <alignment vertical="center"/>
    </xf>
    <xf numFmtId="0" fontId="11" fillId="0" borderId="9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10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0" borderId="1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4" applyNumberFormat="0" applyFill="0" applyAlignment="0" applyProtection="0">
      <alignment vertical="center"/>
    </xf>
    <xf numFmtId="0" fontId="19" fillId="30" borderId="15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1" fillId="0" borderId="0"/>
    <xf numFmtId="0" fontId="6" fillId="0" borderId="0">
      <alignment vertical="center"/>
    </xf>
  </cellStyleXfs>
  <cellXfs count="51">
    <xf numFmtId="0" fontId="0" fillId="0" borderId="0" xfId="0">
      <alignment vertical="center"/>
    </xf>
    <xf numFmtId="49" fontId="5" fillId="0" borderId="0" xfId="41" applyNumberFormat="1" applyFont="1" applyAlignment="1">
      <alignment vertical="center"/>
    </xf>
    <xf numFmtId="49" fontId="5" fillId="0" borderId="5" xfId="41" applyNumberFormat="1" applyFont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/>
    </xf>
    <xf numFmtId="49" fontId="5" fillId="0" borderId="0" xfId="0" quotePrefix="1" applyNumberFormat="1" applyFont="1" applyAlignment="1">
      <alignment horizontal="left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23" fillId="0" borderId="19" xfId="0" applyNumberFormat="1" applyFont="1" applyBorder="1">
      <alignment vertical="center"/>
    </xf>
    <xf numFmtId="49" fontId="23" fillId="0" borderId="20" xfId="0" applyNumberFormat="1" applyFont="1" applyBorder="1" applyAlignment="1">
      <alignment horizontal="distributed" vertical="center"/>
    </xf>
    <xf numFmtId="49" fontId="4" fillId="0" borderId="0" xfId="0" applyNumberFormat="1" applyFont="1">
      <alignment vertical="center"/>
    </xf>
    <xf numFmtId="49" fontId="5" fillId="0" borderId="0" xfId="41" applyNumberFormat="1" applyFont="1" applyAlignment="1">
      <alignment horizontal="center" vertical="center"/>
    </xf>
    <xf numFmtId="49" fontId="5" fillId="0" borderId="16" xfId="41" applyNumberFormat="1" applyFont="1" applyBorder="1" applyAlignment="1">
      <alignment horizontal="center" vertical="center"/>
    </xf>
    <xf numFmtId="49" fontId="5" fillId="0" borderId="17" xfId="41" applyNumberFormat="1" applyFont="1" applyBorder="1" applyAlignment="1">
      <alignment horizontal="center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5" fillId="0" borderId="1" xfId="41" applyNumberFormat="1" applyFont="1" applyBorder="1" applyAlignment="1">
      <alignment horizontal="center" vertical="center"/>
    </xf>
    <xf numFmtId="49" fontId="5" fillId="0" borderId="2" xfId="41" applyNumberFormat="1" applyFont="1" applyBorder="1" applyAlignment="1">
      <alignment horizontal="center" vertical="center"/>
    </xf>
    <xf numFmtId="49" fontId="5" fillId="0" borderId="3" xfId="41" applyNumberFormat="1" applyFont="1" applyBorder="1" applyAlignment="1">
      <alignment horizontal="center" vertical="center"/>
    </xf>
    <xf numFmtId="49" fontId="23" fillId="0" borderId="19" xfId="0" applyNumberFormat="1" applyFont="1" applyBorder="1" applyAlignment="1">
      <alignment horizontal="distributed" vertical="center"/>
    </xf>
    <xf numFmtId="49" fontId="23" fillId="0" borderId="20" xfId="0" applyNumberFormat="1" applyFont="1" applyBorder="1" applyAlignment="1">
      <alignment horizontal="distributed" vertical="center"/>
    </xf>
    <xf numFmtId="49" fontId="23" fillId="0" borderId="24" xfId="0" applyNumberFormat="1" applyFont="1" applyBorder="1" applyAlignment="1">
      <alignment horizontal="distributed" vertical="center" indent="1"/>
    </xf>
    <xf numFmtId="49" fontId="23" fillId="0" borderId="25" xfId="0" applyNumberFormat="1" applyFont="1" applyBorder="1" applyAlignment="1">
      <alignment horizontal="distributed" vertical="center" indent="1"/>
    </xf>
    <xf numFmtId="49" fontId="5" fillId="0" borderId="18" xfId="41" applyNumberFormat="1" applyFont="1" applyBorder="1" applyAlignment="1">
      <alignment horizontal="left" vertical="center" shrinkToFit="1"/>
    </xf>
    <xf numFmtId="49" fontId="23" fillId="0" borderId="32" xfId="0" applyNumberFormat="1" applyFont="1" applyBorder="1" applyAlignment="1">
      <alignment horizontal="distributed" vertical="center"/>
    </xf>
    <xf numFmtId="49" fontId="23" fillId="0" borderId="33" xfId="0" applyNumberFormat="1" applyFont="1" applyBorder="1" applyAlignment="1">
      <alignment horizontal="distributed" vertical="center"/>
    </xf>
    <xf numFmtId="49" fontId="23" fillId="0" borderId="4" xfId="0" applyNumberFormat="1" applyFont="1" applyBorder="1" applyAlignment="1">
      <alignment horizontal="distributed" vertical="center"/>
    </xf>
    <xf numFmtId="49" fontId="23" fillId="0" borderId="6" xfId="0" applyNumberFormat="1" applyFont="1" applyBorder="1" applyAlignment="1">
      <alignment horizontal="distributed" vertical="center"/>
    </xf>
    <xf numFmtId="176" fontId="23" fillId="0" borderId="21" xfId="0" applyNumberFormat="1" applyFont="1" applyFill="1" applyBorder="1" applyAlignment="1">
      <alignment horizontal="right" vertical="center"/>
    </xf>
    <xf numFmtId="176" fontId="23" fillId="0" borderId="22" xfId="0" applyNumberFormat="1" applyFont="1" applyFill="1" applyBorder="1" applyAlignment="1">
      <alignment horizontal="right" vertical="center"/>
    </xf>
    <xf numFmtId="176" fontId="23" fillId="0" borderId="23" xfId="0" applyNumberFormat="1" applyFont="1" applyFill="1" applyBorder="1" applyAlignment="1">
      <alignment horizontal="right" vertical="center"/>
    </xf>
    <xf numFmtId="177" fontId="23" fillId="0" borderId="21" xfId="0" applyNumberFormat="1" applyFont="1" applyFill="1" applyBorder="1" applyAlignment="1">
      <alignment horizontal="right" vertical="center"/>
    </xf>
    <xf numFmtId="177" fontId="23" fillId="0" borderId="22" xfId="0" applyNumberFormat="1" applyFont="1" applyFill="1" applyBorder="1" applyAlignment="1">
      <alignment horizontal="right" vertical="center"/>
    </xf>
    <xf numFmtId="177" fontId="23" fillId="0" borderId="23" xfId="0" applyNumberFormat="1" applyFont="1" applyFill="1" applyBorder="1" applyAlignment="1">
      <alignment horizontal="right" vertical="center"/>
    </xf>
    <xf numFmtId="176" fontId="23" fillId="0" borderId="26" xfId="0" applyNumberFormat="1" applyFont="1" applyFill="1" applyBorder="1" applyAlignment="1">
      <alignment horizontal="right" vertical="center"/>
    </xf>
    <xf numFmtId="176" fontId="23" fillId="0" borderId="27" xfId="0" applyNumberFormat="1" applyFont="1" applyFill="1" applyBorder="1" applyAlignment="1">
      <alignment horizontal="right" vertical="center"/>
    </xf>
    <xf numFmtId="176" fontId="23" fillId="0" borderId="28" xfId="0" applyNumberFormat="1" applyFont="1" applyFill="1" applyBorder="1" applyAlignment="1">
      <alignment horizontal="right" vertical="center"/>
    </xf>
    <xf numFmtId="177" fontId="23" fillId="0" borderId="26" xfId="0" applyNumberFormat="1" applyFont="1" applyFill="1" applyBorder="1" applyAlignment="1">
      <alignment horizontal="right" vertical="center"/>
    </xf>
    <xf numFmtId="177" fontId="23" fillId="0" borderId="27" xfId="0" applyNumberFormat="1" applyFont="1" applyFill="1" applyBorder="1" applyAlignment="1">
      <alignment horizontal="right" vertical="center"/>
    </xf>
    <xf numFmtId="177" fontId="23" fillId="0" borderId="28" xfId="0" applyNumberFormat="1" applyFont="1" applyFill="1" applyBorder="1" applyAlignment="1">
      <alignment horizontal="right" vertical="center"/>
    </xf>
    <xf numFmtId="176" fontId="23" fillId="0" borderId="29" xfId="0" applyNumberFormat="1" applyFont="1" applyFill="1" applyBorder="1" applyAlignment="1">
      <alignment horizontal="right" vertical="center"/>
    </xf>
    <xf numFmtId="176" fontId="23" fillId="0" borderId="30" xfId="0" applyNumberFormat="1" applyFont="1" applyFill="1" applyBorder="1" applyAlignment="1">
      <alignment horizontal="right" vertical="center"/>
    </xf>
    <xf numFmtId="176" fontId="23" fillId="0" borderId="31" xfId="0" applyNumberFormat="1" applyFont="1" applyFill="1" applyBorder="1" applyAlignment="1">
      <alignment horizontal="right" vertical="center"/>
    </xf>
    <xf numFmtId="177" fontId="23" fillId="0" borderId="29" xfId="0" applyNumberFormat="1" applyFont="1" applyFill="1" applyBorder="1" applyAlignment="1">
      <alignment horizontal="right" vertical="center"/>
    </xf>
    <xf numFmtId="177" fontId="23" fillId="0" borderId="30" xfId="0" applyNumberFormat="1" applyFont="1" applyFill="1" applyBorder="1" applyAlignment="1">
      <alignment horizontal="right" vertical="center"/>
    </xf>
    <xf numFmtId="177" fontId="23" fillId="0" borderId="31" xfId="0" applyNumberFormat="1" applyFont="1" applyFill="1" applyBorder="1" applyAlignment="1">
      <alignment horizontal="right" vertical="center"/>
    </xf>
    <xf numFmtId="176" fontId="23" fillId="0" borderId="34" xfId="0" applyNumberFormat="1" applyFont="1" applyFill="1" applyBorder="1" applyAlignment="1">
      <alignment horizontal="right" vertical="center"/>
    </xf>
    <xf numFmtId="176" fontId="23" fillId="0" borderId="35" xfId="0" applyNumberFormat="1" applyFont="1" applyFill="1" applyBorder="1" applyAlignment="1">
      <alignment horizontal="right" vertical="center"/>
    </xf>
    <xf numFmtId="176" fontId="23" fillId="0" borderId="36" xfId="0" applyNumberFormat="1" applyFont="1" applyFill="1" applyBorder="1" applyAlignment="1">
      <alignment horizontal="right" vertical="center"/>
    </xf>
    <xf numFmtId="177" fontId="23" fillId="0" borderId="34" xfId="0" applyNumberFormat="1" applyFont="1" applyFill="1" applyBorder="1" applyAlignment="1">
      <alignment horizontal="right" vertical="center"/>
    </xf>
    <xf numFmtId="177" fontId="23" fillId="0" borderId="35" xfId="0" applyNumberFormat="1" applyFont="1" applyFill="1" applyBorder="1" applyAlignment="1">
      <alignment horizontal="right" vertical="center"/>
    </xf>
    <xf numFmtId="177" fontId="23" fillId="0" borderId="36" xfId="0" applyNumberFormat="1" applyFont="1" applyFill="1" applyBorder="1" applyAlignment="1">
      <alignment horizontal="righ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K115"/>
  <sheetViews>
    <sheetView tabSelected="1" view="pageBreakPreview" zoomScaleNormal="100" zoomScaleSheetLayoutView="100" workbookViewId="0"/>
  </sheetViews>
  <sheetFormatPr defaultColWidth="9" defaultRowHeight="13.8" x14ac:dyDescent="0.2"/>
  <cols>
    <col min="1" max="1" width="2.6640625" style="1" customWidth="1"/>
    <col min="2" max="2" width="18.6640625" style="1" customWidth="1"/>
    <col min="3" max="8" width="11.33203125" style="1" customWidth="1"/>
    <col min="9" max="11" width="7.21875" style="1" customWidth="1"/>
    <col min="12" max="16384" width="9" style="1"/>
  </cols>
  <sheetData>
    <row r="1" spans="1:11" ht="15" customHeight="1" x14ac:dyDescent="0.2">
      <c r="A1"/>
    </row>
    <row r="2" spans="1:11" ht="18.75" customHeight="1" x14ac:dyDescent="0.2">
      <c r="A2" s="4" t="s">
        <v>117</v>
      </c>
      <c r="B2" s="3"/>
      <c r="E2" s="9" t="s">
        <v>119</v>
      </c>
      <c r="F2" s="9"/>
      <c r="G2" s="9"/>
      <c r="H2" s="9"/>
    </row>
    <row r="3" spans="1:11" ht="15" customHeight="1" x14ac:dyDescent="0.2">
      <c r="B3" s="1" t="s">
        <v>118</v>
      </c>
      <c r="F3" s="1" t="s">
        <v>120</v>
      </c>
      <c r="G3" s="10"/>
      <c r="H3" s="10"/>
    </row>
    <row r="4" spans="1:11" ht="15" customHeight="1" thickBot="1" x14ac:dyDescent="0.25">
      <c r="A4" s="22" t="s">
        <v>5</v>
      </c>
      <c r="B4" s="22"/>
    </row>
    <row r="5" spans="1:11" ht="15.75" customHeight="1" x14ac:dyDescent="0.2">
      <c r="A5" s="11" t="s">
        <v>0</v>
      </c>
      <c r="B5" s="12"/>
      <c r="C5" s="15" t="s">
        <v>1</v>
      </c>
      <c r="D5" s="16"/>
      <c r="E5" s="17"/>
      <c r="F5" s="15" t="s">
        <v>115</v>
      </c>
      <c r="G5" s="16"/>
      <c r="H5" s="17"/>
      <c r="I5" s="15" t="s">
        <v>116</v>
      </c>
      <c r="J5" s="16"/>
      <c r="K5" s="17"/>
    </row>
    <row r="6" spans="1:11" ht="15.75" customHeight="1" thickBot="1" x14ac:dyDescent="0.25">
      <c r="A6" s="13"/>
      <c r="B6" s="14"/>
      <c r="C6" s="5" t="s">
        <v>2</v>
      </c>
      <c r="D6" s="2" t="s">
        <v>3</v>
      </c>
      <c r="E6" s="6" t="s">
        <v>4</v>
      </c>
      <c r="F6" s="5" t="s">
        <v>2</v>
      </c>
      <c r="G6" s="2" t="s">
        <v>3</v>
      </c>
      <c r="H6" s="6" t="s">
        <v>4</v>
      </c>
      <c r="I6" s="5" t="s">
        <v>2</v>
      </c>
      <c r="J6" s="2" t="s">
        <v>3</v>
      </c>
      <c r="K6" s="6" t="s">
        <v>4</v>
      </c>
    </row>
    <row r="7" spans="1:11" ht="15.75" customHeight="1" thickTop="1" x14ac:dyDescent="0.2">
      <c r="A7" s="18" t="s">
        <v>6</v>
      </c>
      <c r="B7" s="19"/>
      <c r="C7" s="27">
        <v>209388</v>
      </c>
      <c r="D7" s="28">
        <v>212623</v>
      </c>
      <c r="E7" s="29">
        <v>422011</v>
      </c>
      <c r="F7" s="27">
        <v>53201</v>
      </c>
      <c r="G7" s="28">
        <v>46466</v>
      </c>
      <c r="H7" s="29">
        <v>99667</v>
      </c>
      <c r="I7" s="30">
        <v>25.41</v>
      </c>
      <c r="J7" s="31">
        <v>21.85</v>
      </c>
      <c r="K7" s="32">
        <v>23.62</v>
      </c>
    </row>
    <row r="8" spans="1:11" ht="15.75" customHeight="1" x14ac:dyDescent="0.2">
      <c r="A8" s="7"/>
      <c r="B8" s="8" t="s">
        <v>7</v>
      </c>
      <c r="C8" s="27">
        <v>63091</v>
      </c>
      <c r="D8" s="28">
        <v>58454</v>
      </c>
      <c r="E8" s="29">
        <v>121545</v>
      </c>
      <c r="F8" s="27">
        <v>15703</v>
      </c>
      <c r="G8" s="28">
        <v>13158</v>
      </c>
      <c r="H8" s="29">
        <v>28861</v>
      </c>
      <c r="I8" s="30">
        <v>24.89</v>
      </c>
      <c r="J8" s="31">
        <v>22.51</v>
      </c>
      <c r="K8" s="32">
        <v>23.75</v>
      </c>
    </row>
    <row r="9" spans="1:11" ht="15.75" customHeight="1" x14ac:dyDescent="0.2">
      <c r="A9" s="7"/>
      <c r="B9" s="8" t="s">
        <v>8</v>
      </c>
      <c r="C9" s="27">
        <v>67057</v>
      </c>
      <c r="D9" s="28">
        <v>69960</v>
      </c>
      <c r="E9" s="29">
        <v>137017</v>
      </c>
      <c r="F9" s="27">
        <v>16610</v>
      </c>
      <c r="G9" s="28">
        <v>14538</v>
      </c>
      <c r="H9" s="29">
        <v>31148</v>
      </c>
      <c r="I9" s="30">
        <v>24.77</v>
      </c>
      <c r="J9" s="31">
        <v>20.78</v>
      </c>
      <c r="K9" s="32">
        <v>22.73</v>
      </c>
    </row>
    <row r="10" spans="1:11" ht="15.75" customHeight="1" thickBot="1" x14ac:dyDescent="0.25">
      <c r="A10" s="7"/>
      <c r="B10" s="8" t="s">
        <v>9</v>
      </c>
      <c r="C10" s="27">
        <v>79240</v>
      </c>
      <c r="D10" s="28">
        <v>84209</v>
      </c>
      <c r="E10" s="29">
        <v>163449</v>
      </c>
      <c r="F10" s="27">
        <v>20888</v>
      </c>
      <c r="G10" s="28">
        <v>18770</v>
      </c>
      <c r="H10" s="29">
        <v>39658</v>
      </c>
      <c r="I10" s="30">
        <v>26.36</v>
      </c>
      <c r="J10" s="31">
        <v>22.29</v>
      </c>
      <c r="K10" s="32">
        <v>24.26</v>
      </c>
    </row>
    <row r="11" spans="1:11" ht="15.75" customHeight="1" thickTop="1" thickBot="1" x14ac:dyDescent="0.25">
      <c r="A11" s="20" t="s">
        <v>10</v>
      </c>
      <c r="B11" s="21"/>
      <c r="C11" s="33">
        <v>209388</v>
      </c>
      <c r="D11" s="34">
        <v>212623</v>
      </c>
      <c r="E11" s="35">
        <v>422011</v>
      </c>
      <c r="F11" s="33">
        <v>53201</v>
      </c>
      <c r="G11" s="34">
        <v>46466</v>
      </c>
      <c r="H11" s="35">
        <v>99667</v>
      </c>
      <c r="I11" s="36">
        <v>25.41</v>
      </c>
      <c r="J11" s="37">
        <v>21.85</v>
      </c>
      <c r="K11" s="38">
        <v>23.62</v>
      </c>
    </row>
    <row r="12" spans="1:11" ht="15.75" customHeight="1" thickTop="1" x14ac:dyDescent="0.2">
      <c r="A12" s="18" t="s">
        <v>11</v>
      </c>
      <c r="B12" s="19"/>
      <c r="C12" s="27">
        <v>213154</v>
      </c>
      <c r="D12" s="28">
        <v>220905</v>
      </c>
      <c r="E12" s="29">
        <v>434059</v>
      </c>
      <c r="F12" s="27">
        <v>54114</v>
      </c>
      <c r="G12" s="28">
        <v>46571</v>
      </c>
      <c r="H12" s="29">
        <v>100685</v>
      </c>
      <c r="I12" s="30">
        <v>25.39</v>
      </c>
      <c r="J12" s="31">
        <v>21.08</v>
      </c>
      <c r="K12" s="32">
        <v>23.2</v>
      </c>
    </row>
    <row r="13" spans="1:11" ht="15.75" customHeight="1" x14ac:dyDescent="0.2">
      <c r="A13" s="7"/>
      <c r="B13" s="8" t="s">
        <v>12</v>
      </c>
      <c r="C13" s="27">
        <v>44058</v>
      </c>
      <c r="D13" s="28">
        <v>44128</v>
      </c>
      <c r="E13" s="29">
        <v>88186</v>
      </c>
      <c r="F13" s="27">
        <v>12142</v>
      </c>
      <c r="G13" s="28">
        <v>10573</v>
      </c>
      <c r="H13" s="29">
        <v>22715</v>
      </c>
      <c r="I13" s="30">
        <v>27.56</v>
      </c>
      <c r="J13" s="31">
        <v>23.96</v>
      </c>
      <c r="K13" s="32">
        <v>25.76</v>
      </c>
    </row>
    <row r="14" spans="1:11" ht="15.75" customHeight="1" x14ac:dyDescent="0.2">
      <c r="A14" s="7"/>
      <c r="B14" s="8" t="s">
        <v>13</v>
      </c>
      <c r="C14" s="27">
        <v>82814</v>
      </c>
      <c r="D14" s="28">
        <v>83241</v>
      </c>
      <c r="E14" s="29">
        <v>166055</v>
      </c>
      <c r="F14" s="27">
        <v>19875</v>
      </c>
      <c r="G14" s="28">
        <v>16748</v>
      </c>
      <c r="H14" s="29">
        <v>36623</v>
      </c>
      <c r="I14" s="30">
        <v>24</v>
      </c>
      <c r="J14" s="31">
        <v>20.12</v>
      </c>
      <c r="K14" s="32">
        <v>22.05</v>
      </c>
    </row>
    <row r="15" spans="1:11" ht="15.75" customHeight="1" thickBot="1" x14ac:dyDescent="0.25">
      <c r="A15" s="7"/>
      <c r="B15" s="8" t="s">
        <v>14</v>
      </c>
      <c r="C15" s="27">
        <v>86282</v>
      </c>
      <c r="D15" s="28">
        <v>93536</v>
      </c>
      <c r="E15" s="29">
        <v>179818</v>
      </c>
      <c r="F15" s="27">
        <v>22097</v>
      </c>
      <c r="G15" s="28">
        <v>19250</v>
      </c>
      <c r="H15" s="29">
        <v>41347</v>
      </c>
      <c r="I15" s="30">
        <v>25.61</v>
      </c>
      <c r="J15" s="31">
        <v>20.58</v>
      </c>
      <c r="K15" s="32">
        <v>22.99</v>
      </c>
    </row>
    <row r="16" spans="1:11" ht="15.75" customHeight="1" thickTop="1" thickBot="1" x14ac:dyDescent="0.25">
      <c r="A16" s="20" t="s">
        <v>15</v>
      </c>
      <c r="B16" s="21"/>
      <c r="C16" s="33">
        <v>213154</v>
      </c>
      <c r="D16" s="34">
        <v>220905</v>
      </c>
      <c r="E16" s="35">
        <v>434059</v>
      </c>
      <c r="F16" s="33">
        <v>54114</v>
      </c>
      <c r="G16" s="34">
        <v>46571</v>
      </c>
      <c r="H16" s="35">
        <v>100685</v>
      </c>
      <c r="I16" s="36">
        <v>25.39</v>
      </c>
      <c r="J16" s="37">
        <v>21.08</v>
      </c>
      <c r="K16" s="38">
        <v>23.2</v>
      </c>
    </row>
    <row r="17" spans="1:11" ht="15.75" customHeight="1" thickTop="1" x14ac:dyDescent="0.2">
      <c r="A17" s="18" t="s">
        <v>16</v>
      </c>
      <c r="B17" s="19"/>
      <c r="C17" s="27">
        <v>228459</v>
      </c>
      <c r="D17" s="28">
        <v>219266</v>
      </c>
      <c r="E17" s="29">
        <v>447725</v>
      </c>
      <c r="F17" s="27">
        <v>61188</v>
      </c>
      <c r="G17" s="28">
        <v>50945</v>
      </c>
      <c r="H17" s="29">
        <v>112133</v>
      </c>
      <c r="I17" s="30">
        <v>26.78</v>
      </c>
      <c r="J17" s="31">
        <v>23.23</v>
      </c>
      <c r="K17" s="32">
        <v>25.05</v>
      </c>
    </row>
    <row r="18" spans="1:11" ht="15.75" customHeight="1" x14ac:dyDescent="0.2">
      <c r="A18" s="7"/>
      <c r="B18" s="8" t="s">
        <v>17</v>
      </c>
      <c r="C18" s="27">
        <v>124349</v>
      </c>
      <c r="D18" s="28">
        <v>116372</v>
      </c>
      <c r="E18" s="29">
        <v>240721</v>
      </c>
      <c r="F18" s="27">
        <v>32704</v>
      </c>
      <c r="G18" s="28">
        <v>26405</v>
      </c>
      <c r="H18" s="29">
        <v>59109</v>
      </c>
      <c r="I18" s="30">
        <v>26.3</v>
      </c>
      <c r="J18" s="31">
        <v>22.69</v>
      </c>
      <c r="K18" s="32">
        <v>24.55</v>
      </c>
    </row>
    <row r="19" spans="1:11" ht="15.75" customHeight="1" thickBot="1" x14ac:dyDescent="0.25">
      <c r="A19" s="7"/>
      <c r="B19" s="8" t="s">
        <v>18</v>
      </c>
      <c r="C19" s="27">
        <v>104110</v>
      </c>
      <c r="D19" s="28">
        <v>102894</v>
      </c>
      <c r="E19" s="29">
        <v>207004</v>
      </c>
      <c r="F19" s="27">
        <v>28484</v>
      </c>
      <c r="G19" s="28">
        <v>24540</v>
      </c>
      <c r="H19" s="29">
        <v>53024</v>
      </c>
      <c r="I19" s="30">
        <v>27.36</v>
      </c>
      <c r="J19" s="31">
        <v>23.85</v>
      </c>
      <c r="K19" s="32">
        <v>25.61</v>
      </c>
    </row>
    <row r="20" spans="1:11" ht="15.75" customHeight="1" thickTop="1" thickBot="1" x14ac:dyDescent="0.25">
      <c r="A20" s="20" t="s">
        <v>19</v>
      </c>
      <c r="B20" s="21"/>
      <c r="C20" s="33">
        <v>228459</v>
      </c>
      <c r="D20" s="34">
        <v>219266</v>
      </c>
      <c r="E20" s="35">
        <v>447725</v>
      </c>
      <c r="F20" s="33">
        <v>61188</v>
      </c>
      <c r="G20" s="34">
        <v>50945</v>
      </c>
      <c r="H20" s="35">
        <v>112133</v>
      </c>
      <c r="I20" s="36">
        <v>26.78</v>
      </c>
      <c r="J20" s="37">
        <v>23.23</v>
      </c>
      <c r="K20" s="38">
        <v>25.05</v>
      </c>
    </row>
    <row r="21" spans="1:11" ht="15.75" customHeight="1" thickTop="1" x14ac:dyDescent="0.2">
      <c r="A21" s="18" t="s">
        <v>20</v>
      </c>
      <c r="B21" s="19"/>
      <c r="C21" s="27">
        <v>49489</v>
      </c>
      <c r="D21" s="28">
        <v>53324</v>
      </c>
      <c r="E21" s="29">
        <v>102813</v>
      </c>
      <c r="F21" s="27">
        <v>12595</v>
      </c>
      <c r="G21" s="28">
        <v>11187</v>
      </c>
      <c r="H21" s="29">
        <v>23782</v>
      </c>
      <c r="I21" s="30">
        <v>25.45</v>
      </c>
      <c r="J21" s="31">
        <v>20.98</v>
      </c>
      <c r="K21" s="32">
        <v>23.13</v>
      </c>
    </row>
    <row r="22" spans="1:11" ht="15.75" customHeight="1" x14ac:dyDescent="0.2">
      <c r="A22" s="7"/>
      <c r="B22" s="8" t="s">
        <v>21</v>
      </c>
      <c r="C22" s="27">
        <v>49489</v>
      </c>
      <c r="D22" s="28">
        <v>53324</v>
      </c>
      <c r="E22" s="29">
        <v>102813</v>
      </c>
      <c r="F22" s="27">
        <v>12595</v>
      </c>
      <c r="G22" s="28">
        <v>11187</v>
      </c>
      <c r="H22" s="29">
        <v>23782</v>
      </c>
      <c r="I22" s="30">
        <v>25.45</v>
      </c>
      <c r="J22" s="31">
        <v>20.98</v>
      </c>
      <c r="K22" s="32">
        <v>23.13</v>
      </c>
    </row>
    <row r="23" spans="1:11" ht="15.75" customHeight="1" x14ac:dyDescent="0.2">
      <c r="A23" s="18" t="s">
        <v>22</v>
      </c>
      <c r="B23" s="19"/>
      <c r="C23" s="27">
        <v>69463</v>
      </c>
      <c r="D23" s="28">
        <v>79525</v>
      </c>
      <c r="E23" s="29">
        <v>148988</v>
      </c>
      <c r="F23" s="27">
        <v>13170</v>
      </c>
      <c r="G23" s="28">
        <v>11881</v>
      </c>
      <c r="H23" s="29">
        <v>25051</v>
      </c>
      <c r="I23" s="30">
        <v>18.96</v>
      </c>
      <c r="J23" s="31">
        <v>14.94</v>
      </c>
      <c r="K23" s="32">
        <v>16.809999999999999</v>
      </c>
    </row>
    <row r="24" spans="1:11" ht="15.75" customHeight="1" x14ac:dyDescent="0.2">
      <c r="A24" s="18" t="s">
        <v>23</v>
      </c>
      <c r="B24" s="19"/>
      <c r="C24" s="27">
        <v>22644</v>
      </c>
      <c r="D24" s="28">
        <v>26433</v>
      </c>
      <c r="E24" s="29">
        <v>49077</v>
      </c>
      <c r="F24" s="27">
        <v>6026</v>
      </c>
      <c r="G24" s="28">
        <v>5844</v>
      </c>
      <c r="H24" s="29">
        <v>11870</v>
      </c>
      <c r="I24" s="30">
        <v>26.61</v>
      </c>
      <c r="J24" s="31">
        <v>22.11</v>
      </c>
      <c r="K24" s="32">
        <v>24.19</v>
      </c>
    </row>
    <row r="25" spans="1:11" ht="15.75" customHeight="1" x14ac:dyDescent="0.2">
      <c r="A25" s="18" t="s">
        <v>24</v>
      </c>
      <c r="B25" s="19"/>
      <c r="C25" s="27">
        <v>12189</v>
      </c>
      <c r="D25" s="28">
        <v>14352</v>
      </c>
      <c r="E25" s="29">
        <v>26541</v>
      </c>
      <c r="F25" s="27">
        <v>3179</v>
      </c>
      <c r="G25" s="28">
        <v>3278</v>
      </c>
      <c r="H25" s="29">
        <v>6457</v>
      </c>
      <c r="I25" s="30">
        <v>26.08</v>
      </c>
      <c r="J25" s="31">
        <v>22.84</v>
      </c>
      <c r="K25" s="32">
        <v>24.33</v>
      </c>
    </row>
    <row r="26" spans="1:11" ht="15.75" customHeight="1" thickBot="1" x14ac:dyDescent="0.25">
      <c r="A26" s="7"/>
      <c r="B26" s="8" t="s">
        <v>25</v>
      </c>
      <c r="C26" s="27">
        <v>12189</v>
      </c>
      <c r="D26" s="28">
        <v>14352</v>
      </c>
      <c r="E26" s="29">
        <v>26541</v>
      </c>
      <c r="F26" s="27">
        <v>3179</v>
      </c>
      <c r="G26" s="28">
        <v>3278</v>
      </c>
      <c r="H26" s="29">
        <v>6457</v>
      </c>
      <c r="I26" s="30">
        <v>26.08</v>
      </c>
      <c r="J26" s="31">
        <v>22.84</v>
      </c>
      <c r="K26" s="32">
        <v>24.33</v>
      </c>
    </row>
    <row r="27" spans="1:11" ht="15.75" customHeight="1" thickTop="1" thickBot="1" x14ac:dyDescent="0.25">
      <c r="A27" s="20" t="s">
        <v>26</v>
      </c>
      <c r="B27" s="21"/>
      <c r="C27" s="33">
        <v>153785</v>
      </c>
      <c r="D27" s="34">
        <v>173634</v>
      </c>
      <c r="E27" s="35">
        <v>327419</v>
      </c>
      <c r="F27" s="33">
        <v>34970</v>
      </c>
      <c r="G27" s="34">
        <v>32190</v>
      </c>
      <c r="H27" s="35">
        <v>67160</v>
      </c>
      <c r="I27" s="36">
        <v>22.74</v>
      </c>
      <c r="J27" s="37">
        <v>18.54</v>
      </c>
      <c r="K27" s="38">
        <v>20.51</v>
      </c>
    </row>
    <row r="28" spans="1:11" ht="15.75" customHeight="1" thickTop="1" x14ac:dyDescent="0.2">
      <c r="A28" s="18" t="s">
        <v>27</v>
      </c>
      <c r="B28" s="19"/>
      <c r="C28" s="27">
        <v>176088</v>
      </c>
      <c r="D28" s="28">
        <v>186147</v>
      </c>
      <c r="E28" s="29">
        <v>362235</v>
      </c>
      <c r="F28" s="27">
        <v>41644</v>
      </c>
      <c r="G28" s="28">
        <v>35148</v>
      </c>
      <c r="H28" s="29">
        <v>76792</v>
      </c>
      <c r="I28" s="30">
        <v>23.65</v>
      </c>
      <c r="J28" s="31">
        <v>18.88</v>
      </c>
      <c r="K28" s="32">
        <v>21.2</v>
      </c>
    </row>
    <row r="29" spans="1:11" ht="15.75" customHeight="1" x14ac:dyDescent="0.2">
      <c r="A29" s="7"/>
      <c r="B29" s="8" t="s">
        <v>28</v>
      </c>
      <c r="C29" s="27">
        <v>114139</v>
      </c>
      <c r="D29" s="28">
        <v>120343</v>
      </c>
      <c r="E29" s="29">
        <v>234482</v>
      </c>
      <c r="F29" s="27">
        <v>25636</v>
      </c>
      <c r="G29" s="28">
        <v>20855</v>
      </c>
      <c r="H29" s="29">
        <v>46491</v>
      </c>
      <c r="I29" s="30">
        <v>22.46</v>
      </c>
      <c r="J29" s="31">
        <v>17.329999999999998</v>
      </c>
      <c r="K29" s="32">
        <v>19.829999999999998</v>
      </c>
    </row>
    <row r="30" spans="1:11" ht="15.75" customHeight="1" thickBot="1" x14ac:dyDescent="0.25">
      <c r="A30" s="7"/>
      <c r="B30" s="8" t="s">
        <v>29</v>
      </c>
      <c r="C30" s="27">
        <v>61949</v>
      </c>
      <c r="D30" s="28">
        <v>65804</v>
      </c>
      <c r="E30" s="29">
        <v>127753</v>
      </c>
      <c r="F30" s="27">
        <v>16008</v>
      </c>
      <c r="G30" s="28">
        <v>14293</v>
      </c>
      <c r="H30" s="29">
        <v>30301</v>
      </c>
      <c r="I30" s="30">
        <v>25.84</v>
      </c>
      <c r="J30" s="31">
        <v>21.72</v>
      </c>
      <c r="K30" s="32">
        <v>23.72</v>
      </c>
    </row>
    <row r="31" spans="1:11" ht="15.75" customHeight="1" thickTop="1" thickBot="1" x14ac:dyDescent="0.25">
      <c r="A31" s="20" t="s">
        <v>30</v>
      </c>
      <c r="B31" s="21"/>
      <c r="C31" s="33">
        <v>176088</v>
      </c>
      <c r="D31" s="34">
        <v>186147</v>
      </c>
      <c r="E31" s="35">
        <v>362235</v>
      </c>
      <c r="F31" s="33">
        <v>41644</v>
      </c>
      <c r="G31" s="34">
        <v>35148</v>
      </c>
      <c r="H31" s="35">
        <v>76792</v>
      </c>
      <c r="I31" s="36">
        <v>23.65</v>
      </c>
      <c r="J31" s="37">
        <v>18.88</v>
      </c>
      <c r="K31" s="38">
        <v>21.2</v>
      </c>
    </row>
    <row r="32" spans="1:11" ht="15.75" customHeight="1" thickTop="1" x14ac:dyDescent="0.2">
      <c r="A32" s="18" t="s">
        <v>31</v>
      </c>
      <c r="B32" s="19"/>
      <c r="C32" s="27">
        <v>182685</v>
      </c>
      <c r="D32" s="28">
        <v>192854</v>
      </c>
      <c r="E32" s="29">
        <v>375539</v>
      </c>
      <c r="F32" s="27">
        <v>44452</v>
      </c>
      <c r="G32" s="28">
        <v>38607</v>
      </c>
      <c r="H32" s="29">
        <v>83059</v>
      </c>
      <c r="I32" s="30">
        <v>24.33</v>
      </c>
      <c r="J32" s="31">
        <v>20.02</v>
      </c>
      <c r="K32" s="32">
        <v>22.12</v>
      </c>
    </row>
    <row r="33" spans="1:11" ht="15.75" customHeight="1" x14ac:dyDescent="0.2">
      <c r="A33" s="7"/>
      <c r="B33" s="8" t="s">
        <v>32</v>
      </c>
      <c r="C33" s="27">
        <v>83897</v>
      </c>
      <c r="D33" s="28">
        <v>86908</v>
      </c>
      <c r="E33" s="29">
        <v>170805</v>
      </c>
      <c r="F33" s="27">
        <v>21108</v>
      </c>
      <c r="G33" s="28">
        <v>18668</v>
      </c>
      <c r="H33" s="29">
        <v>39776</v>
      </c>
      <c r="I33" s="30">
        <v>25.16</v>
      </c>
      <c r="J33" s="31">
        <v>21.48</v>
      </c>
      <c r="K33" s="32">
        <v>23.29</v>
      </c>
    </row>
    <row r="34" spans="1:11" ht="15.75" customHeight="1" thickBot="1" x14ac:dyDescent="0.25">
      <c r="A34" s="7"/>
      <c r="B34" s="8" t="s">
        <v>33</v>
      </c>
      <c r="C34" s="27">
        <v>98788</v>
      </c>
      <c r="D34" s="28">
        <v>105946</v>
      </c>
      <c r="E34" s="29">
        <v>204734</v>
      </c>
      <c r="F34" s="27">
        <v>23344</v>
      </c>
      <c r="G34" s="28">
        <v>19939</v>
      </c>
      <c r="H34" s="29">
        <v>43283</v>
      </c>
      <c r="I34" s="30">
        <v>23.63</v>
      </c>
      <c r="J34" s="31">
        <v>18.82</v>
      </c>
      <c r="K34" s="32">
        <v>21.14</v>
      </c>
    </row>
    <row r="35" spans="1:11" ht="15.75" customHeight="1" thickTop="1" thickBot="1" x14ac:dyDescent="0.25">
      <c r="A35" s="20" t="s">
        <v>34</v>
      </c>
      <c r="B35" s="21"/>
      <c r="C35" s="33">
        <v>182685</v>
      </c>
      <c r="D35" s="34">
        <v>192854</v>
      </c>
      <c r="E35" s="35">
        <v>375539</v>
      </c>
      <c r="F35" s="33">
        <v>44452</v>
      </c>
      <c r="G35" s="34">
        <v>38607</v>
      </c>
      <c r="H35" s="35">
        <v>83059</v>
      </c>
      <c r="I35" s="36">
        <v>24.33</v>
      </c>
      <c r="J35" s="37">
        <v>20.02</v>
      </c>
      <c r="K35" s="38">
        <v>22.12</v>
      </c>
    </row>
    <row r="36" spans="1:11" ht="15.75" customHeight="1" thickTop="1" x14ac:dyDescent="0.2">
      <c r="A36" s="18" t="s">
        <v>35</v>
      </c>
      <c r="B36" s="19"/>
      <c r="C36" s="27">
        <v>148059</v>
      </c>
      <c r="D36" s="28">
        <v>152258</v>
      </c>
      <c r="E36" s="29">
        <v>300317</v>
      </c>
      <c r="F36" s="27">
        <v>42804</v>
      </c>
      <c r="G36" s="28">
        <v>38065</v>
      </c>
      <c r="H36" s="29">
        <v>80869</v>
      </c>
      <c r="I36" s="30">
        <v>28.91</v>
      </c>
      <c r="J36" s="31">
        <v>25</v>
      </c>
      <c r="K36" s="32">
        <v>26.93</v>
      </c>
    </row>
    <row r="37" spans="1:11" ht="15.75" customHeight="1" thickBot="1" x14ac:dyDescent="0.25">
      <c r="A37" s="7"/>
      <c r="B37" s="8" t="s">
        <v>36</v>
      </c>
      <c r="C37" s="27">
        <v>148059</v>
      </c>
      <c r="D37" s="28">
        <v>152258</v>
      </c>
      <c r="E37" s="29">
        <v>300317</v>
      </c>
      <c r="F37" s="27">
        <v>42804</v>
      </c>
      <c r="G37" s="28">
        <v>38065</v>
      </c>
      <c r="H37" s="29">
        <v>80869</v>
      </c>
      <c r="I37" s="30">
        <v>28.91</v>
      </c>
      <c r="J37" s="31">
        <v>25</v>
      </c>
      <c r="K37" s="32">
        <v>26.93</v>
      </c>
    </row>
    <row r="38" spans="1:11" ht="15.75" customHeight="1" thickTop="1" thickBot="1" x14ac:dyDescent="0.25">
      <c r="A38" s="20" t="s">
        <v>37</v>
      </c>
      <c r="B38" s="21"/>
      <c r="C38" s="33">
        <v>148059</v>
      </c>
      <c r="D38" s="34">
        <v>152258</v>
      </c>
      <c r="E38" s="35">
        <v>300317</v>
      </c>
      <c r="F38" s="33">
        <v>42804</v>
      </c>
      <c r="G38" s="34">
        <v>38065</v>
      </c>
      <c r="H38" s="35">
        <v>80869</v>
      </c>
      <c r="I38" s="36">
        <v>28.91</v>
      </c>
      <c r="J38" s="37">
        <v>25</v>
      </c>
      <c r="K38" s="38">
        <v>26.93</v>
      </c>
    </row>
    <row r="39" spans="1:11" ht="15.75" customHeight="1" thickTop="1" x14ac:dyDescent="0.2">
      <c r="A39" s="18" t="s">
        <v>38</v>
      </c>
      <c r="B39" s="19"/>
      <c r="C39" s="27">
        <v>195365</v>
      </c>
      <c r="D39" s="28">
        <v>211032</v>
      </c>
      <c r="E39" s="29">
        <v>406397</v>
      </c>
      <c r="F39" s="27">
        <v>51274</v>
      </c>
      <c r="G39" s="28">
        <v>46244</v>
      </c>
      <c r="H39" s="29">
        <v>97518</v>
      </c>
      <c r="I39" s="30">
        <v>26.25</v>
      </c>
      <c r="J39" s="31">
        <v>21.91</v>
      </c>
      <c r="K39" s="32">
        <v>24</v>
      </c>
    </row>
    <row r="40" spans="1:11" ht="15.75" customHeight="1" x14ac:dyDescent="0.2">
      <c r="A40" s="7"/>
      <c r="B40" s="8" t="s">
        <v>39</v>
      </c>
      <c r="C40" s="27">
        <v>73389</v>
      </c>
      <c r="D40" s="28">
        <v>76945</v>
      </c>
      <c r="E40" s="29">
        <v>150334</v>
      </c>
      <c r="F40" s="27">
        <v>17621</v>
      </c>
      <c r="G40" s="28">
        <v>15297</v>
      </c>
      <c r="H40" s="29">
        <v>32918</v>
      </c>
      <c r="I40" s="30">
        <v>24.01</v>
      </c>
      <c r="J40" s="31">
        <v>19.88</v>
      </c>
      <c r="K40" s="32">
        <v>21.9</v>
      </c>
    </row>
    <row r="41" spans="1:11" ht="15.75" customHeight="1" thickBot="1" x14ac:dyDescent="0.25">
      <c r="A41" s="7"/>
      <c r="B41" s="8" t="s">
        <v>40</v>
      </c>
      <c r="C41" s="27">
        <v>121976</v>
      </c>
      <c r="D41" s="28">
        <v>134087</v>
      </c>
      <c r="E41" s="29">
        <v>256063</v>
      </c>
      <c r="F41" s="27">
        <v>33653</v>
      </c>
      <c r="G41" s="28">
        <v>30947</v>
      </c>
      <c r="H41" s="29">
        <v>64600</v>
      </c>
      <c r="I41" s="30">
        <v>27.59</v>
      </c>
      <c r="J41" s="31">
        <v>23.08</v>
      </c>
      <c r="K41" s="32">
        <v>25.23</v>
      </c>
    </row>
    <row r="42" spans="1:11" ht="15.75" customHeight="1" thickTop="1" thickBot="1" x14ac:dyDescent="0.25">
      <c r="A42" s="20" t="s">
        <v>41</v>
      </c>
      <c r="B42" s="21"/>
      <c r="C42" s="33">
        <v>195365</v>
      </c>
      <c r="D42" s="34">
        <v>211032</v>
      </c>
      <c r="E42" s="35">
        <v>406397</v>
      </c>
      <c r="F42" s="33">
        <v>51274</v>
      </c>
      <c r="G42" s="34">
        <v>46244</v>
      </c>
      <c r="H42" s="35">
        <v>97518</v>
      </c>
      <c r="I42" s="36">
        <v>26.25</v>
      </c>
      <c r="J42" s="37">
        <v>21.91</v>
      </c>
      <c r="K42" s="38">
        <v>24</v>
      </c>
    </row>
    <row r="43" spans="1:11" ht="15.75" customHeight="1" thickTop="1" x14ac:dyDescent="0.2">
      <c r="A43" s="18" t="s">
        <v>42</v>
      </c>
      <c r="B43" s="19"/>
      <c r="C43" s="27">
        <v>165593</v>
      </c>
      <c r="D43" s="28">
        <v>169658</v>
      </c>
      <c r="E43" s="29">
        <v>335251</v>
      </c>
      <c r="F43" s="27">
        <v>38401</v>
      </c>
      <c r="G43" s="28">
        <v>32561</v>
      </c>
      <c r="H43" s="29">
        <v>70962</v>
      </c>
      <c r="I43" s="30">
        <v>23.19</v>
      </c>
      <c r="J43" s="31">
        <v>19.190000000000001</v>
      </c>
      <c r="K43" s="32">
        <v>21.17</v>
      </c>
    </row>
    <row r="44" spans="1:11" ht="15.75" customHeight="1" x14ac:dyDescent="0.2">
      <c r="A44" s="7"/>
      <c r="B44" s="8" t="s">
        <v>43</v>
      </c>
      <c r="C44" s="27">
        <v>94573</v>
      </c>
      <c r="D44" s="28">
        <v>92135</v>
      </c>
      <c r="E44" s="29">
        <v>186708</v>
      </c>
      <c r="F44" s="27">
        <v>22414</v>
      </c>
      <c r="G44" s="28">
        <v>18832</v>
      </c>
      <c r="H44" s="29">
        <v>41246</v>
      </c>
      <c r="I44" s="30">
        <v>23.7</v>
      </c>
      <c r="J44" s="31">
        <v>20.440000000000001</v>
      </c>
      <c r="K44" s="32">
        <v>22.09</v>
      </c>
    </row>
    <row r="45" spans="1:11" ht="15.75" customHeight="1" thickBot="1" x14ac:dyDescent="0.25">
      <c r="A45" s="7"/>
      <c r="B45" s="8" t="s">
        <v>44</v>
      </c>
      <c r="C45" s="27">
        <v>71020</v>
      </c>
      <c r="D45" s="28">
        <v>77523</v>
      </c>
      <c r="E45" s="29">
        <v>148543</v>
      </c>
      <c r="F45" s="27">
        <v>15987</v>
      </c>
      <c r="G45" s="28">
        <v>13729</v>
      </c>
      <c r="H45" s="29">
        <v>29716</v>
      </c>
      <c r="I45" s="30">
        <v>22.51</v>
      </c>
      <c r="J45" s="31">
        <v>17.71</v>
      </c>
      <c r="K45" s="32">
        <v>20</v>
      </c>
    </row>
    <row r="46" spans="1:11" ht="15.75" customHeight="1" thickTop="1" thickBot="1" x14ac:dyDescent="0.25">
      <c r="A46" s="20" t="s">
        <v>45</v>
      </c>
      <c r="B46" s="21"/>
      <c r="C46" s="33">
        <v>165593</v>
      </c>
      <c r="D46" s="34">
        <v>169658</v>
      </c>
      <c r="E46" s="35">
        <v>335251</v>
      </c>
      <c r="F46" s="33">
        <v>38401</v>
      </c>
      <c r="G46" s="34">
        <v>32561</v>
      </c>
      <c r="H46" s="35">
        <v>70962</v>
      </c>
      <c r="I46" s="36">
        <v>23.19</v>
      </c>
      <c r="J46" s="37">
        <v>19.190000000000001</v>
      </c>
      <c r="K46" s="38">
        <v>21.17</v>
      </c>
    </row>
    <row r="47" spans="1:11" ht="15.75" customHeight="1" thickTop="1" x14ac:dyDescent="0.2">
      <c r="A47" s="18" t="s">
        <v>46</v>
      </c>
      <c r="B47" s="19"/>
      <c r="C47" s="27">
        <v>175768</v>
      </c>
      <c r="D47" s="28">
        <v>155381</v>
      </c>
      <c r="E47" s="29">
        <v>331149</v>
      </c>
      <c r="F47" s="27">
        <v>40469</v>
      </c>
      <c r="G47" s="28">
        <v>32086</v>
      </c>
      <c r="H47" s="29">
        <v>72555</v>
      </c>
      <c r="I47" s="30">
        <v>23.02</v>
      </c>
      <c r="J47" s="31">
        <v>20.65</v>
      </c>
      <c r="K47" s="32">
        <v>21.91</v>
      </c>
    </row>
    <row r="48" spans="1:11" ht="15.75" customHeight="1" x14ac:dyDescent="0.2">
      <c r="A48" s="7"/>
      <c r="B48" s="8" t="s">
        <v>47</v>
      </c>
      <c r="C48" s="27">
        <v>103119</v>
      </c>
      <c r="D48" s="28">
        <v>85164</v>
      </c>
      <c r="E48" s="29">
        <v>188283</v>
      </c>
      <c r="F48" s="27">
        <v>21500</v>
      </c>
      <c r="G48" s="28">
        <v>16062</v>
      </c>
      <c r="H48" s="29">
        <v>37562</v>
      </c>
      <c r="I48" s="30">
        <v>20.85</v>
      </c>
      <c r="J48" s="31">
        <v>18.86</v>
      </c>
      <c r="K48" s="32">
        <v>19.95</v>
      </c>
    </row>
    <row r="49" spans="1:11" ht="15.75" customHeight="1" thickBot="1" x14ac:dyDescent="0.25">
      <c r="A49" s="7"/>
      <c r="B49" s="8" t="s">
        <v>48</v>
      </c>
      <c r="C49" s="27">
        <v>72649</v>
      </c>
      <c r="D49" s="28">
        <v>70217</v>
      </c>
      <c r="E49" s="29">
        <v>142866</v>
      </c>
      <c r="F49" s="27">
        <v>18969</v>
      </c>
      <c r="G49" s="28">
        <v>16024</v>
      </c>
      <c r="H49" s="29">
        <v>34993</v>
      </c>
      <c r="I49" s="30">
        <v>26.11</v>
      </c>
      <c r="J49" s="31">
        <v>22.82</v>
      </c>
      <c r="K49" s="32">
        <v>24.49</v>
      </c>
    </row>
    <row r="50" spans="1:11" ht="15.75" customHeight="1" thickTop="1" thickBot="1" x14ac:dyDescent="0.25">
      <c r="A50" s="20" t="s">
        <v>49</v>
      </c>
      <c r="B50" s="21"/>
      <c r="C50" s="33">
        <v>175768</v>
      </c>
      <c r="D50" s="34">
        <v>155381</v>
      </c>
      <c r="E50" s="35">
        <v>331149</v>
      </c>
      <c r="F50" s="33">
        <v>40469</v>
      </c>
      <c r="G50" s="34">
        <v>32086</v>
      </c>
      <c r="H50" s="35">
        <v>72555</v>
      </c>
      <c r="I50" s="36">
        <v>23.02</v>
      </c>
      <c r="J50" s="37">
        <v>20.65</v>
      </c>
      <c r="K50" s="38">
        <v>21.91</v>
      </c>
    </row>
    <row r="51" spans="1:11" ht="15.75" customHeight="1" thickTop="1" x14ac:dyDescent="0.2">
      <c r="A51" s="18" t="s">
        <v>50</v>
      </c>
      <c r="B51" s="19"/>
      <c r="C51" s="27">
        <v>159227</v>
      </c>
      <c r="D51" s="28">
        <v>163175</v>
      </c>
      <c r="E51" s="29">
        <v>322402</v>
      </c>
      <c r="F51" s="27">
        <v>32116</v>
      </c>
      <c r="G51" s="28">
        <v>26859</v>
      </c>
      <c r="H51" s="29">
        <v>58975</v>
      </c>
      <c r="I51" s="30">
        <v>20.170000000000002</v>
      </c>
      <c r="J51" s="31">
        <v>16.46</v>
      </c>
      <c r="K51" s="32">
        <v>18.29</v>
      </c>
    </row>
    <row r="52" spans="1:11" ht="15.75" customHeight="1" thickBot="1" x14ac:dyDescent="0.25">
      <c r="A52" s="18" t="s">
        <v>51</v>
      </c>
      <c r="B52" s="19"/>
      <c r="C52" s="27">
        <v>16783</v>
      </c>
      <c r="D52" s="28">
        <v>18191</v>
      </c>
      <c r="E52" s="29">
        <v>34974</v>
      </c>
      <c r="F52" s="27">
        <v>3288</v>
      </c>
      <c r="G52" s="28">
        <v>2905</v>
      </c>
      <c r="H52" s="29">
        <v>6193</v>
      </c>
      <c r="I52" s="30">
        <v>19.59</v>
      </c>
      <c r="J52" s="31">
        <v>15.97</v>
      </c>
      <c r="K52" s="32">
        <v>17.71</v>
      </c>
    </row>
    <row r="53" spans="1:11" ht="15.75" customHeight="1" thickTop="1" thickBot="1" x14ac:dyDescent="0.25">
      <c r="A53" s="20" t="s">
        <v>52</v>
      </c>
      <c r="B53" s="21"/>
      <c r="C53" s="33">
        <v>176010</v>
      </c>
      <c r="D53" s="34">
        <v>181366</v>
      </c>
      <c r="E53" s="35">
        <v>357376</v>
      </c>
      <c r="F53" s="33">
        <v>35404</v>
      </c>
      <c r="G53" s="34">
        <v>29764</v>
      </c>
      <c r="H53" s="35">
        <v>65168</v>
      </c>
      <c r="I53" s="36">
        <v>20.11</v>
      </c>
      <c r="J53" s="37">
        <v>16.41</v>
      </c>
      <c r="K53" s="38">
        <v>18.239999999999998</v>
      </c>
    </row>
    <row r="54" spans="1:11" ht="15.75" customHeight="1" thickTop="1" x14ac:dyDescent="0.2">
      <c r="A54" s="18" t="s">
        <v>53</v>
      </c>
      <c r="B54" s="19"/>
      <c r="C54" s="27">
        <v>181057</v>
      </c>
      <c r="D54" s="28">
        <v>188670</v>
      </c>
      <c r="E54" s="29">
        <v>369727</v>
      </c>
      <c r="F54" s="27">
        <v>44920</v>
      </c>
      <c r="G54" s="28">
        <v>39224</v>
      </c>
      <c r="H54" s="29">
        <v>84144</v>
      </c>
      <c r="I54" s="30">
        <v>24.81</v>
      </c>
      <c r="J54" s="31">
        <v>20.79</v>
      </c>
      <c r="K54" s="32">
        <v>22.76</v>
      </c>
    </row>
    <row r="55" spans="1:11" ht="15.75" customHeight="1" x14ac:dyDescent="0.2">
      <c r="A55" s="18" t="s">
        <v>54</v>
      </c>
      <c r="B55" s="19"/>
      <c r="C55" s="27">
        <v>20245</v>
      </c>
      <c r="D55" s="28">
        <v>20009</v>
      </c>
      <c r="E55" s="29">
        <v>40254</v>
      </c>
      <c r="F55" s="27">
        <v>3960</v>
      </c>
      <c r="G55" s="28">
        <v>3311</v>
      </c>
      <c r="H55" s="29">
        <v>7271</v>
      </c>
      <c r="I55" s="30">
        <v>19.559999999999999</v>
      </c>
      <c r="J55" s="31">
        <v>16.55</v>
      </c>
      <c r="K55" s="32">
        <v>18.059999999999999</v>
      </c>
    </row>
    <row r="56" spans="1:11" ht="15.75" customHeight="1" thickBot="1" x14ac:dyDescent="0.25">
      <c r="A56" s="7"/>
      <c r="B56" s="8" t="s">
        <v>55</v>
      </c>
      <c r="C56" s="27">
        <v>20245</v>
      </c>
      <c r="D56" s="28">
        <v>20009</v>
      </c>
      <c r="E56" s="29">
        <v>40254</v>
      </c>
      <c r="F56" s="27">
        <v>3960</v>
      </c>
      <c r="G56" s="28">
        <v>3311</v>
      </c>
      <c r="H56" s="29">
        <v>7271</v>
      </c>
      <c r="I56" s="30">
        <v>19.559999999999999</v>
      </c>
      <c r="J56" s="31">
        <v>16.55</v>
      </c>
      <c r="K56" s="32">
        <v>18.059999999999999</v>
      </c>
    </row>
    <row r="57" spans="1:11" ht="15.75" customHeight="1" thickTop="1" thickBot="1" x14ac:dyDescent="0.25">
      <c r="A57" s="20" t="s">
        <v>56</v>
      </c>
      <c r="B57" s="21"/>
      <c r="C57" s="33">
        <v>201302</v>
      </c>
      <c r="D57" s="34">
        <v>208679</v>
      </c>
      <c r="E57" s="35">
        <v>409981</v>
      </c>
      <c r="F57" s="33">
        <v>48880</v>
      </c>
      <c r="G57" s="34">
        <v>42535</v>
      </c>
      <c r="H57" s="35">
        <v>91415</v>
      </c>
      <c r="I57" s="36">
        <v>24.28</v>
      </c>
      <c r="J57" s="37">
        <v>20.38</v>
      </c>
      <c r="K57" s="38">
        <v>22.3</v>
      </c>
    </row>
    <row r="58" spans="1:11" ht="15.75" customHeight="1" thickTop="1" x14ac:dyDescent="0.2">
      <c r="A58" s="18" t="s">
        <v>57</v>
      </c>
      <c r="B58" s="19"/>
      <c r="C58" s="27">
        <v>49813</v>
      </c>
      <c r="D58" s="28">
        <v>52995</v>
      </c>
      <c r="E58" s="29">
        <v>102808</v>
      </c>
      <c r="F58" s="27">
        <v>10735</v>
      </c>
      <c r="G58" s="28">
        <v>9184</v>
      </c>
      <c r="H58" s="29">
        <v>19919</v>
      </c>
      <c r="I58" s="30">
        <v>21.55</v>
      </c>
      <c r="J58" s="31">
        <v>17.329999999999998</v>
      </c>
      <c r="K58" s="32">
        <v>19.37</v>
      </c>
    </row>
    <row r="59" spans="1:11" ht="15.75" customHeight="1" x14ac:dyDescent="0.2">
      <c r="A59" s="7"/>
      <c r="B59" s="8" t="s">
        <v>58</v>
      </c>
      <c r="C59" s="27">
        <v>49813</v>
      </c>
      <c r="D59" s="28">
        <v>52995</v>
      </c>
      <c r="E59" s="29">
        <v>102808</v>
      </c>
      <c r="F59" s="27">
        <v>10735</v>
      </c>
      <c r="G59" s="28">
        <v>9184</v>
      </c>
      <c r="H59" s="29">
        <v>19919</v>
      </c>
      <c r="I59" s="30">
        <v>21.55</v>
      </c>
      <c r="J59" s="31">
        <v>17.329999999999998</v>
      </c>
      <c r="K59" s="32">
        <v>19.37</v>
      </c>
    </row>
    <row r="60" spans="1:11" ht="15.75" customHeight="1" x14ac:dyDescent="0.2">
      <c r="A60" s="18" t="s">
        <v>59</v>
      </c>
      <c r="B60" s="19"/>
      <c r="C60" s="27">
        <v>100773</v>
      </c>
      <c r="D60" s="28">
        <v>102443</v>
      </c>
      <c r="E60" s="29">
        <v>203216</v>
      </c>
      <c r="F60" s="27">
        <v>23006</v>
      </c>
      <c r="G60" s="28">
        <v>19536</v>
      </c>
      <c r="H60" s="29">
        <v>42542</v>
      </c>
      <c r="I60" s="30">
        <v>22.83</v>
      </c>
      <c r="J60" s="31">
        <v>19.07</v>
      </c>
      <c r="K60" s="32">
        <v>20.93</v>
      </c>
    </row>
    <row r="61" spans="1:11" ht="15.75" customHeight="1" thickBot="1" x14ac:dyDescent="0.25">
      <c r="A61" s="18" t="s">
        <v>60</v>
      </c>
      <c r="B61" s="19"/>
      <c r="C61" s="27">
        <v>33632</v>
      </c>
      <c r="D61" s="28">
        <v>33075</v>
      </c>
      <c r="E61" s="29">
        <v>66707</v>
      </c>
      <c r="F61" s="27">
        <v>7419</v>
      </c>
      <c r="G61" s="28">
        <v>6532</v>
      </c>
      <c r="H61" s="29">
        <v>13951</v>
      </c>
      <c r="I61" s="30">
        <v>22.06</v>
      </c>
      <c r="J61" s="31">
        <v>19.75</v>
      </c>
      <c r="K61" s="32">
        <v>20.91</v>
      </c>
    </row>
    <row r="62" spans="1:11" ht="15.75" customHeight="1" thickTop="1" thickBot="1" x14ac:dyDescent="0.25">
      <c r="A62" s="20" t="s">
        <v>61</v>
      </c>
      <c r="B62" s="21"/>
      <c r="C62" s="33">
        <v>184218</v>
      </c>
      <c r="D62" s="34">
        <v>188513</v>
      </c>
      <c r="E62" s="35">
        <v>372731</v>
      </c>
      <c r="F62" s="33">
        <v>41160</v>
      </c>
      <c r="G62" s="34">
        <v>35252</v>
      </c>
      <c r="H62" s="35">
        <v>76412</v>
      </c>
      <c r="I62" s="36">
        <v>22.34</v>
      </c>
      <c r="J62" s="37">
        <v>18.7</v>
      </c>
      <c r="K62" s="38">
        <v>20.5</v>
      </c>
    </row>
    <row r="63" spans="1:11" ht="15.75" customHeight="1" thickTop="1" x14ac:dyDescent="0.2">
      <c r="A63" s="18" t="s">
        <v>62</v>
      </c>
      <c r="B63" s="19"/>
      <c r="C63" s="27">
        <v>183935</v>
      </c>
      <c r="D63" s="28">
        <v>182737</v>
      </c>
      <c r="E63" s="29">
        <v>366672</v>
      </c>
      <c r="F63" s="27">
        <v>40619</v>
      </c>
      <c r="G63" s="28">
        <v>34181</v>
      </c>
      <c r="H63" s="29">
        <v>74800</v>
      </c>
      <c r="I63" s="30">
        <v>22.08</v>
      </c>
      <c r="J63" s="31">
        <v>18.71</v>
      </c>
      <c r="K63" s="32">
        <v>20.399999999999999</v>
      </c>
    </row>
    <row r="64" spans="1:11" ht="15.75" customHeight="1" x14ac:dyDescent="0.2">
      <c r="A64" s="7"/>
      <c r="B64" s="8" t="s">
        <v>63</v>
      </c>
      <c r="C64" s="27">
        <v>70358</v>
      </c>
      <c r="D64" s="28">
        <v>69908</v>
      </c>
      <c r="E64" s="29">
        <v>140266</v>
      </c>
      <c r="F64" s="27">
        <v>14212</v>
      </c>
      <c r="G64" s="28">
        <v>11514</v>
      </c>
      <c r="H64" s="29">
        <v>25726</v>
      </c>
      <c r="I64" s="30">
        <v>20.2</v>
      </c>
      <c r="J64" s="31">
        <v>16.47</v>
      </c>
      <c r="K64" s="32">
        <v>18.34</v>
      </c>
    </row>
    <row r="65" spans="1:11" ht="15.75" customHeight="1" x14ac:dyDescent="0.2">
      <c r="A65" s="7"/>
      <c r="B65" s="8" t="s">
        <v>64</v>
      </c>
      <c r="C65" s="27">
        <v>113577</v>
      </c>
      <c r="D65" s="28">
        <v>112829</v>
      </c>
      <c r="E65" s="29">
        <v>226406</v>
      </c>
      <c r="F65" s="27">
        <v>26407</v>
      </c>
      <c r="G65" s="28">
        <v>22667</v>
      </c>
      <c r="H65" s="29">
        <v>49074</v>
      </c>
      <c r="I65" s="30">
        <v>23.25</v>
      </c>
      <c r="J65" s="31">
        <v>20.09</v>
      </c>
      <c r="K65" s="32">
        <v>21.68</v>
      </c>
    </row>
    <row r="66" spans="1:11" ht="15.75" customHeight="1" x14ac:dyDescent="0.2">
      <c r="A66" s="18" t="s">
        <v>65</v>
      </c>
      <c r="B66" s="19"/>
      <c r="C66" s="27">
        <v>17444</v>
      </c>
      <c r="D66" s="28">
        <v>16108</v>
      </c>
      <c r="E66" s="29">
        <v>33552</v>
      </c>
      <c r="F66" s="27">
        <v>2788</v>
      </c>
      <c r="G66" s="28">
        <v>2115</v>
      </c>
      <c r="H66" s="29">
        <v>4903</v>
      </c>
      <c r="I66" s="30">
        <v>15.98</v>
      </c>
      <c r="J66" s="31">
        <v>13.13</v>
      </c>
      <c r="K66" s="32">
        <v>14.61</v>
      </c>
    </row>
    <row r="67" spans="1:11" ht="15.75" customHeight="1" x14ac:dyDescent="0.2">
      <c r="A67" s="7"/>
      <c r="B67" s="8" t="s">
        <v>66</v>
      </c>
      <c r="C67" s="27">
        <v>16262</v>
      </c>
      <c r="D67" s="28">
        <v>14995</v>
      </c>
      <c r="E67" s="29">
        <v>31257</v>
      </c>
      <c r="F67" s="27">
        <v>2604</v>
      </c>
      <c r="G67" s="28">
        <v>1984</v>
      </c>
      <c r="H67" s="29">
        <v>4588</v>
      </c>
      <c r="I67" s="30">
        <v>16.010000000000002</v>
      </c>
      <c r="J67" s="31">
        <v>13.23</v>
      </c>
      <c r="K67" s="32">
        <v>14.68</v>
      </c>
    </row>
    <row r="68" spans="1:11" ht="15.75" customHeight="1" thickBot="1" x14ac:dyDescent="0.25">
      <c r="A68" s="7"/>
      <c r="B68" s="8" t="s">
        <v>67</v>
      </c>
      <c r="C68" s="27">
        <v>1182</v>
      </c>
      <c r="D68" s="28">
        <v>1113</v>
      </c>
      <c r="E68" s="29">
        <v>2295</v>
      </c>
      <c r="F68" s="27">
        <v>184</v>
      </c>
      <c r="G68" s="28">
        <v>131</v>
      </c>
      <c r="H68" s="29">
        <v>315</v>
      </c>
      <c r="I68" s="30">
        <v>15.57</v>
      </c>
      <c r="J68" s="31">
        <v>11.77</v>
      </c>
      <c r="K68" s="32">
        <v>13.73</v>
      </c>
    </row>
    <row r="69" spans="1:11" ht="15.75" customHeight="1" thickTop="1" thickBot="1" x14ac:dyDescent="0.25">
      <c r="A69" s="20" t="s">
        <v>68</v>
      </c>
      <c r="B69" s="21"/>
      <c r="C69" s="33">
        <v>201379</v>
      </c>
      <c r="D69" s="34">
        <v>198845</v>
      </c>
      <c r="E69" s="35">
        <v>400224</v>
      </c>
      <c r="F69" s="33">
        <v>43407</v>
      </c>
      <c r="G69" s="34">
        <v>36296</v>
      </c>
      <c r="H69" s="35">
        <v>79703</v>
      </c>
      <c r="I69" s="36">
        <v>21.55</v>
      </c>
      <c r="J69" s="37">
        <v>18.25</v>
      </c>
      <c r="K69" s="38">
        <v>19.91</v>
      </c>
    </row>
    <row r="70" spans="1:11" ht="15.75" customHeight="1" thickTop="1" x14ac:dyDescent="0.2">
      <c r="A70" s="18" t="s">
        <v>69</v>
      </c>
      <c r="B70" s="19"/>
      <c r="C70" s="27">
        <v>107896</v>
      </c>
      <c r="D70" s="28">
        <v>108820</v>
      </c>
      <c r="E70" s="29">
        <v>216716</v>
      </c>
      <c r="F70" s="27">
        <v>20198</v>
      </c>
      <c r="G70" s="28">
        <v>16149</v>
      </c>
      <c r="H70" s="29">
        <v>36347</v>
      </c>
      <c r="I70" s="30">
        <v>18.72</v>
      </c>
      <c r="J70" s="31">
        <v>14.84</v>
      </c>
      <c r="K70" s="32">
        <v>16.77</v>
      </c>
    </row>
    <row r="71" spans="1:11" ht="15.75" customHeight="1" x14ac:dyDescent="0.2">
      <c r="A71" s="18" t="s">
        <v>70</v>
      </c>
      <c r="B71" s="19"/>
      <c r="C71" s="27">
        <v>100153</v>
      </c>
      <c r="D71" s="28">
        <v>107801</v>
      </c>
      <c r="E71" s="29">
        <v>207954</v>
      </c>
      <c r="F71" s="27">
        <v>25579</v>
      </c>
      <c r="G71" s="28">
        <v>23177</v>
      </c>
      <c r="H71" s="29">
        <v>48756</v>
      </c>
      <c r="I71" s="30">
        <v>25.54</v>
      </c>
      <c r="J71" s="31">
        <v>21.5</v>
      </c>
      <c r="K71" s="32">
        <v>23.45</v>
      </c>
    </row>
    <row r="72" spans="1:11" ht="15.75" customHeight="1" x14ac:dyDescent="0.2">
      <c r="A72" s="18" t="s">
        <v>71</v>
      </c>
      <c r="B72" s="19"/>
      <c r="C72" s="27">
        <v>13123</v>
      </c>
      <c r="D72" s="28">
        <v>14014</v>
      </c>
      <c r="E72" s="29">
        <v>27137</v>
      </c>
      <c r="F72" s="27">
        <v>1770</v>
      </c>
      <c r="G72" s="28">
        <v>1499</v>
      </c>
      <c r="H72" s="29">
        <v>3269</v>
      </c>
      <c r="I72" s="30">
        <v>13.49</v>
      </c>
      <c r="J72" s="31">
        <v>10.7</v>
      </c>
      <c r="K72" s="32">
        <v>12.05</v>
      </c>
    </row>
    <row r="73" spans="1:11" ht="15.75" customHeight="1" thickBot="1" x14ac:dyDescent="0.25">
      <c r="A73" s="7"/>
      <c r="B73" s="8" t="s">
        <v>72</v>
      </c>
      <c r="C73" s="27">
        <v>13123</v>
      </c>
      <c r="D73" s="28">
        <v>14014</v>
      </c>
      <c r="E73" s="29">
        <v>27137</v>
      </c>
      <c r="F73" s="27">
        <v>1770</v>
      </c>
      <c r="G73" s="28">
        <v>1499</v>
      </c>
      <c r="H73" s="29">
        <v>3269</v>
      </c>
      <c r="I73" s="30">
        <v>13.49</v>
      </c>
      <c r="J73" s="31">
        <v>10.7</v>
      </c>
      <c r="K73" s="32">
        <v>12.05</v>
      </c>
    </row>
    <row r="74" spans="1:11" ht="15.75" customHeight="1" thickTop="1" thickBot="1" x14ac:dyDescent="0.25">
      <c r="A74" s="20" t="s">
        <v>73</v>
      </c>
      <c r="B74" s="21"/>
      <c r="C74" s="33">
        <v>221172</v>
      </c>
      <c r="D74" s="34">
        <v>230635</v>
      </c>
      <c r="E74" s="35">
        <v>451807</v>
      </c>
      <c r="F74" s="33">
        <v>47547</v>
      </c>
      <c r="G74" s="34">
        <v>40825</v>
      </c>
      <c r="H74" s="35">
        <v>88372</v>
      </c>
      <c r="I74" s="36">
        <v>21.5</v>
      </c>
      <c r="J74" s="37">
        <v>17.7</v>
      </c>
      <c r="K74" s="38">
        <v>19.559999999999999</v>
      </c>
    </row>
    <row r="75" spans="1:11" ht="15.75" customHeight="1" thickTop="1" x14ac:dyDescent="0.2">
      <c r="A75" s="18" t="s">
        <v>74</v>
      </c>
      <c r="B75" s="19"/>
      <c r="C75" s="27">
        <v>94352</v>
      </c>
      <c r="D75" s="28">
        <v>89043</v>
      </c>
      <c r="E75" s="29">
        <v>183395</v>
      </c>
      <c r="F75" s="27">
        <v>18408</v>
      </c>
      <c r="G75" s="28">
        <v>14069</v>
      </c>
      <c r="H75" s="29">
        <v>32477</v>
      </c>
      <c r="I75" s="30">
        <v>19.510000000000002</v>
      </c>
      <c r="J75" s="31">
        <v>15.8</v>
      </c>
      <c r="K75" s="32">
        <v>17.71</v>
      </c>
    </row>
    <row r="76" spans="1:11" ht="15.75" customHeight="1" x14ac:dyDescent="0.2">
      <c r="A76" s="18" t="s">
        <v>75</v>
      </c>
      <c r="B76" s="19"/>
      <c r="C76" s="27">
        <v>42076</v>
      </c>
      <c r="D76" s="28">
        <v>41062</v>
      </c>
      <c r="E76" s="29">
        <v>83138</v>
      </c>
      <c r="F76" s="27">
        <v>9215</v>
      </c>
      <c r="G76" s="28">
        <v>7395</v>
      </c>
      <c r="H76" s="29">
        <v>16610</v>
      </c>
      <c r="I76" s="30">
        <v>21.9</v>
      </c>
      <c r="J76" s="31">
        <v>18.010000000000002</v>
      </c>
      <c r="K76" s="32">
        <v>19.98</v>
      </c>
    </row>
    <row r="77" spans="1:11" ht="15.75" customHeight="1" thickBot="1" x14ac:dyDescent="0.25">
      <c r="A77" s="18" t="s">
        <v>76</v>
      </c>
      <c r="B77" s="19"/>
      <c r="C77" s="27">
        <v>57958</v>
      </c>
      <c r="D77" s="28">
        <v>58274</v>
      </c>
      <c r="E77" s="29">
        <v>116232</v>
      </c>
      <c r="F77" s="27">
        <v>12675</v>
      </c>
      <c r="G77" s="28">
        <v>10635</v>
      </c>
      <c r="H77" s="29">
        <v>23310</v>
      </c>
      <c r="I77" s="30">
        <v>21.87</v>
      </c>
      <c r="J77" s="31">
        <v>18.25</v>
      </c>
      <c r="K77" s="32">
        <v>20.05</v>
      </c>
    </row>
    <row r="78" spans="1:11" ht="15.75" customHeight="1" thickTop="1" thickBot="1" x14ac:dyDescent="0.25">
      <c r="A78" s="20" t="s">
        <v>77</v>
      </c>
      <c r="B78" s="21"/>
      <c r="C78" s="33">
        <v>194386</v>
      </c>
      <c r="D78" s="34">
        <v>188379</v>
      </c>
      <c r="E78" s="35">
        <v>382765</v>
      </c>
      <c r="F78" s="33">
        <v>40298</v>
      </c>
      <c r="G78" s="34">
        <v>32099</v>
      </c>
      <c r="H78" s="35">
        <v>72397</v>
      </c>
      <c r="I78" s="36">
        <v>20.73</v>
      </c>
      <c r="J78" s="37">
        <v>17.04</v>
      </c>
      <c r="K78" s="38">
        <v>18.91</v>
      </c>
    </row>
    <row r="79" spans="1:11" ht="15.75" customHeight="1" thickTop="1" x14ac:dyDescent="0.2">
      <c r="A79" s="18" t="s">
        <v>78</v>
      </c>
      <c r="B79" s="19"/>
      <c r="C79" s="27">
        <v>76599</v>
      </c>
      <c r="D79" s="28">
        <v>81861</v>
      </c>
      <c r="E79" s="29">
        <v>158460</v>
      </c>
      <c r="F79" s="27">
        <v>14140</v>
      </c>
      <c r="G79" s="28">
        <v>12058</v>
      </c>
      <c r="H79" s="29">
        <v>26198</v>
      </c>
      <c r="I79" s="30">
        <v>18.46</v>
      </c>
      <c r="J79" s="31">
        <v>14.73</v>
      </c>
      <c r="K79" s="32">
        <v>16.53</v>
      </c>
    </row>
    <row r="80" spans="1:11" ht="15.75" customHeight="1" x14ac:dyDescent="0.2">
      <c r="A80" s="18" t="s">
        <v>79</v>
      </c>
      <c r="B80" s="19"/>
      <c r="C80" s="27">
        <v>66496</v>
      </c>
      <c r="D80" s="28">
        <v>67162</v>
      </c>
      <c r="E80" s="29">
        <v>133658</v>
      </c>
      <c r="F80" s="27">
        <v>13259</v>
      </c>
      <c r="G80" s="28">
        <v>10578</v>
      </c>
      <c r="H80" s="29">
        <v>23837</v>
      </c>
      <c r="I80" s="30">
        <v>19.940000000000001</v>
      </c>
      <c r="J80" s="31">
        <v>15.75</v>
      </c>
      <c r="K80" s="32">
        <v>17.829999999999998</v>
      </c>
    </row>
    <row r="81" spans="1:11" ht="15.75" customHeight="1" x14ac:dyDescent="0.2">
      <c r="A81" s="18" t="s">
        <v>80</v>
      </c>
      <c r="B81" s="19"/>
      <c r="C81" s="27">
        <v>16745</v>
      </c>
      <c r="D81" s="28">
        <v>17521</v>
      </c>
      <c r="E81" s="29">
        <v>34266</v>
      </c>
      <c r="F81" s="27">
        <v>3337</v>
      </c>
      <c r="G81" s="28">
        <v>2868</v>
      </c>
      <c r="H81" s="29">
        <v>6205</v>
      </c>
      <c r="I81" s="30">
        <v>19.93</v>
      </c>
      <c r="J81" s="31">
        <v>16.37</v>
      </c>
      <c r="K81" s="32">
        <v>18.11</v>
      </c>
    </row>
    <row r="82" spans="1:11" ht="15.75" customHeight="1" x14ac:dyDescent="0.2">
      <c r="A82" s="18" t="s">
        <v>81</v>
      </c>
      <c r="B82" s="19"/>
      <c r="C82" s="27">
        <v>11373</v>
      </c>
      <c r="D82" s="28">
        <v>12337</v>
      </c>
      <c r="E82" s="29">
        <v>23710</v>
      </c>
      <c r="F82" s="27">
        <v>1958</v>
      </c>
      <c r="G82" s="28">
        <v>1727</v>
      </c>
      <c r="H82" s="29">
        <v>3685</v>
      </c>
      <c r="I82" s="30">
        <v>17.22</v>
      </c>
      <c r="J82" s="31">
        <v>14</v>
      </c>
      <c r="K82" s="32">
        <v>15.54</v>
      </c>
    </row>
    <row r="83" spans="1:11" ht="15.75" customHeight="1" x14ac:dyDescent="0.2">
      <c r="A83" s="7"/>
      <c r="B83" s="8" t="s">
        <v>82</v>
      </c>
      <c r="C83" s="27">
        <v>11373</v>
      </c>
      <c r="D83" s="28">
        <v>12337</v>
      </c>
      <c r="E83" s="29">
        <v>23710</v>
      </c>
      <c r="F83" s="27">
        <v>1958</v>
      </c>
      <c r="G83" s="28">
        <v>1727</v>
      </c>
      <c r="H83" s="29">
        <v>3685</v>
      </c>
      <c r="I83" s="30">
        <v>17.22</v>
      </c>
      <c r="J83" s="31">
        <v>14</v>
      </c>
      <c r="K83" s="32">
        <v>15.54</v>
      </c>
    </row>
    <row r="84" spans="1:11" ht="15.75" customHeight="1" x14ac:dyDescent="0.2">
      <c r="A84" s="18" t="s">
        <v>83</v>
      </c>
      <c r="B84" s="19"/>
      <c r="C84" s="27">
        <v>26744</v>
      </c>
      <c r="D84" s="28">
        <v>27778</v>
      </c>
      <c r="E84" s="29">
        <v>54522</v>
      </c>
      <c r="F84" s="27">
        <v>5818</v>
      </c>
      <c r="G84" s="28">
        <v>5026</v>
      </c>
      <c r="H84" s="29">
        <v>10844</v>
      </c>
      <c r="I84" s="30">
        <v>21.75</v>
      </c>
      <c r="J84" s="31">
        <v>18.09</v>
      </c>
      <c r="K84" s="32">
        <v>19.89</v>
      </c>
    </row>
    <row r="85" spans="1:11" ht="15.75" customHeight="1" x14ac:dyDescent="0.2">
      <c r="A85" s="7"/>
      <c r="B85" s="8" t="s">
        <v>84</v>
      </c>
      <c r="C85" s="27">
        <v>3741</v>
      </c>
      <c r="D85" s="28">
        <v>3738</v>
      </c>
      <c r="E85" s="29">
        <v>7479</v>
      </c>
      <c r="F85" s="27">
        <v>780</v>
      </c>
      <c r="G85" s="28">
        <v>648</v>
      </c>
      <c r="H85" s="29">
        <v>1428</v>
      </c>
      <c r="I85" s="30">
        <v>20.85</v>
      </c>
      <c r="J85" s="31">
        <v>17.34</v>
      </c>
      <c r="K85" s="32">
        <v>19.09</v>
      </c>
    </row>
    <row r="86" spans="1:11" ht="15.75" customHeight="1" x14ac:dyDescent="0.2">
      <c r="A86" s="7"/>
      <c r="B86" s="8" t="s">
        <v>85</v>
      </c>
      <c r="C86" s="27">
        <v>7240</v>
      </c>
      <c r="D86" s="28">
        <v>7479</v>
      </c>
      <c r="E86" s="29">
        <v>14719</v>
      </c>
      <c r="F86" s="27">
        <v>1298</v>
      </c>
      <c r="G86" s="28">
        <v>1108</v>
      </c>
      <c r="H86" s="29">
        <v>2406</v>
      </c>
      <c r="I86" s="30">
        <v>17.93</v>
      </c>
      <c r="J86" s="31">
        <v>14.81</v>
      </c>
      <c r="K86" s="32">
        <v>16.350000000000001</v>
      </c>
    </row>
    <row r="87" spans="1:11" ht="15.75" customHeight="1" x14ac:dyDescent="0.2">
      <c r="A87" s="7"/>
      <c r="B87" s="8" t="s">
        <v>86</v>
      </c>
      <c r="C87" s="27">
        <v>4442</v>
      </c>
      <c r="D87" s="28">
        <v>4589</v>
      </c>
      <c r="E87" s="29">
        <v>9031</v>
      </c>
      <c r="F87" s="27">
        <v>1083</v>
      </c>
      <c r="G87" s="28">
        <v>902</v>
      </c>
      <c r="H87" s="29">
        <v>1985</v>
      </c>
      <c r="I87" s="30">
        <v>24.38</v>
      </c>
      <c r="J87" s="31">
        <v>19.66</v>
      </c>
      <c r="K87" s="32">
        <v>21.98</v>
      </c>
    </row>
    <row r="88" spans="1:11" ht="15.75" customHeight="1" x14ac:dyDescent="0.2">
      <c r="A88" s="7"/>
      <c r="B88" s="8" t="s">
        <v>87</v>
      </c>
      <c r="C88" s="27">
        <v>3963</v>
      </c>
      <c r="D88" s="28">
        <v>4131</v>
      </c>
      <c r="E88" s="29">
        <v>8094</v>
      </c>
      <c r="F88" s="27">
        <v>842</v>
      </c>
      <c r="G88" s="28">
        <v>712</v>
      </c>
      <c r="H88" s="29">
        <v>1554</v>
      </c>
      <c r="I88" s="30">
        <v>21.25</v>
      </c>
      <c r="J88" s="31">
        <v>17.239999999999998</v>
      </c>
      <c r="K88" s="32">
        <v>19.2</v>
      </c>
    </row>
    <row r="89" spans="1:11" ht="15.75" customHeight="1" x14ac:dyDescent="0.2">
      <c r="A89" s="7"/>
      <c r="B89" s="8" t="s">
        <v>88</v>
      </c>
      <c r="C89" s="27">
        <v>7358</v>
      </c>
      <c r="D89" s="28">
        <v>7841</v>
      </c>
      <c r="E89" s="29">
        <v>15199</v>
      </c>
      <c r="F89" s="27">
        <v>1815</v>
      </c>
      <c r="G89" s="28">
        <v>1656</v>
      </c>
      <c r="H89" s="29">
        <v>3471</v>
      </c>
      <c r="I89" s="30">
        <v>24.67</v>
      </c>
      <c r="J89" s="31">
        <v>21.12</v>
      </c>
      <c r="K89" s="32">
        <v>22.84</v>
      </c>
    </row>
    <row r="90" spans="1:11" ht="15.75" customHeight="1" x14ac:dyDescent="0.2">
      <c r="A90" s="18" t="s">
        <v>89</v>
      </c>
      <c r="B90" s="19"/>
      <c r="C90" s="27">
        <v>16387</v>
      </c>
      <c r="D90" s="28">
        <v>18348</v>
      </c>
      <c r="E90" s="29">
        <v>34735</v>
      </c>
      <c r="F90" s="27">
        <v>3145</v>
      </c>
      <c r="G90" s="28">
        <v>3132</v>
      </c>
      <c r="H90" s="29">
        <v>6277</v>
      </c>
      <c r="I90" s="30">
        <v>19.190000000000001</v>
      </c>
      <c r="J90" s="31">
        <v>17.07</v>
      </c>
      <c r="K90" s="32">
        <v>18.07</v>
      </c>
    </row>
    <row r="91" spans="1:11" ht="15.75" customHeight="1" x14ac:dyDescent="0.2">
      <c r="A91" s="7"/>
      <c r="B91" s="8" t="s">
        <v>90</v>
      </c>
      <c r="C91" s="27">
        <v>4221</v>
      </c>
      <c r="D91" s="28">
        <v>4458</v>
      </c>
      <c r="E91" s="29">
        <v>8679</v>
      </c>
      <c r="F91" s="27">
        <v>812</v>
      </c>
      <c r="G91" s="28">
        <v>816</v>
      </c>
      <c r="H91" s="29">
        <v>1628</v>
      </c>
      <c r="I91" s="30">
        <v>19.239999999999998</v>
      </c>
      <c r="J91" s="31">
        <v>18.3</v>
      </c>
      <c r="K91" s="32">
        <v>18.760000000000002</v>
      </c>
    </row>
    <row r="92" spans="1:11" ht="15.75" customHeight="1" x14ac:dyDescent="0.2">
      <c r="A92" s="7"/>
      <c r="B92" s="8" t="s">
        <v>91</v>
      </c>
      <c r="C92" s="27">
        <v>2694</v>
      </c>
      <c r="D92" s="28">
        <v>3101</v>
      </c>
      <c r="E92" s="29">
        <v>5795</v>
      </c>
      <c r="F92" s="27">
        <v>531</v>
      </c>
      <c r="G92" s="28">
        <v>517</v>
      </c>
      <c r="H92" s="29">
        <v>1048</v>
      </c>
      <c r="I92" s="30">
        <v>19.71</v>
      </c>
      <c r="J92" s="31">
        <v>16.670000000000002</v>
      </c>
      <c r="K92" s="32">
        <v>18.079999999999998</v>
      </c>
    </row>
    <row r="93" spans="1:11" ht="15.75" customHeight="1" thickBot="1" x14ac:dyDescent="0.25">
      <c r="A93" s="7"/>
      <c r="B93" s="8" t="s">
        <v>92</v>
      </c>
      <c r="C93" s="27">
        <v>9472</v>
      </c>
      <c r="D93" s="28">
        <v>10789</v>
      </c>
      <c r="E93" s="29">
        <v>20261</v>
      </c>
      <c r="F93" s="27">
        <v>1802</v>
      </c>
      <c r="G93" s="28">
        <v>1799</v>
      </c>
      <c r="H93" s="29">
        <v>3601</v>
      </c>
      <c r="I93" s="30">
        <v>19.02</v>
      </c>
      <c r="J93" s="31">
        <v>16.670000000000002</v>
      </c>
      <c r="K93" s="32">
        <v>17.77</v>
      </c>
    </row>
    <row r="94" spans="1:11" ht="15.75" customHeight="1" thickTop="1" thickBot="1" x14ac:dyDescent="0.25">
      <c r="A94" s="20" t="s">
        <v>93</v>
      </c>
      <c r="B94" s="21"/>
      <c r="C94" s="33">
        <v>214344</v>
      </c>
      <c r="D94" s="34">
        <v>225007</v>
      </c>
      <c r="E94" s="35">
        <v>439351</v>
      </c>
      <c r="F94" s="33">
        <v>41657</v>
      </c>
      <c r="G94" s="34">
        <v>35389</v>
      </c>
      <c r="H94" s="35">
        <v>77046</v>
      </c>
      <c r="I94" s="36">
        <v>19.43</v>
      </c>
      <c r="J94" s="37">
        <v>15.73</v>
      </c>
      <c r="K94" s="38">
        <v>17.54</v>
      </c>
    </row>
    <row r="95" spans="1:11" ht="15.75" customHeight="1" thickTop="1" x14ac:dyDescent="0.2">
      <c r="A95" s="18" t="s">
        <v>94</v>
      </c>
      <c r="B95" s="19"/>
      <c r="C95" s="27">
        <v>207647</v>
      </c>
      <c r="D95" s="28">
        <v>207634</v>
      </c>
      <c r="E95" s="29">
        <v>415281</v>
      </c>
      <c r="F95" s="27">
        <v>54051</v>
      </c>
      <c r="G95" s="28">
        <v>45855</v>
      </c>
      <c r="H95" s="29">
        <v>99906</v>
      </c>
      <c r="I95" s="30">
        <v>26.03</v>
      </c>
      <c r="J95" s="31">
        <v>22.08</v>
      </c>
      <c r="K95" s="32">
        <v>24.06</v>
      </c>
    </row>
    <row r="96" spans="1:11" ht="15.75" customHeight="1" x14ac:dyDescent="0.2">
      <c r="A96" s="7"/>
      <c r="B96" s="8" t="s">
        <v>95</v>
      </c>
      <c r="C96" s="27">
        <v>110982</v>
      </c>
      <c r="D96" s="28">
        <v>109863</v>
      </c>
      <c r="E96" s="29">
        <v>220845</v>
      </c>
      <c r="F96" s="27">
        <v>30010</v>
      </c>
      <c r="G96" s="28">
        <v>25137</v>
      </c>
      <c r="H96" s="29">
        <v>55147</v>
      </c>
      <c r="I96" s="30">
        <v>27.04</v>
      </c>
      <c r="J96" s="31">
        <v>22.88</v>
      </c>
      <c r="K96" s="32">
        <v>24.97</v>
      </c>
    </row>
    <row r="97" spans="1:11" ht="15.75" customHeight="1" thickBot="1" x14ac:dyDescent="0.25">
      <c r="A97" s="7"/>
      <c r="B97" s="8" t="s">
        <v>96</v>
      </c>
      <c r="C97" s="27">
        <v>96665</v>
      </c>
      <c r="D97" s="28">
        <v>97771</v>
      </c>
      <c r="E97" s="29">
        <v>194436</v>
      </c>
      <c r="F97" s="27">
        <v>24041</v>
      </c>
      <c r="G97" s="28">
        <v>20718</v>
      </c>
      <c r="H97" s="29">
        <v>44759</v>
      </c>
      <c r="I97" s="30">
        <v>24.87</v>
      </c>
      <c r="J97" s="31">
        <v>21.19</v>
      </c>
      <c r="K97" s="32">
        <v>23.02</v>
      </c>
    </row>
    <row r="98" spans="1:11" ht="15.75" customHeight="1" thickTop="1" thickBot="1" x14ac:dyDescent="0.25">
      <c r="A98" s="20" t="s">
        <v>97</v>
      </c>
      <c r="B98" s="21"/>
      <c r="C98" s="33">
        <v>207647</v>
      </c>
      <c r="D98" s="34">
        <v>207634</v>
      </c>
      <c r="E98" s="35">
        <v>415281</v>
      </c>
      <c r="F98" s="33">
        <v>54051</v>
      </c>
      <c r="G98" s="34">
        <v>45855</v>
      </c>
      <c r="H98" s="35">
        <v>99906</v>
      </c>
      <c r="I98" s="36">
        <v>26.03</v>
      </c>
      <c r="J98" s="37">
        <v>22.08</v>
      </c>
      <c r="K98" s="38">
        <v>24.06</v>
      </c>
    </row>
    <row r="99" spans="1:11" ht="15.75" customHeight="1" thickTop="1" x14ac:dyDescent="0.2">
      <c r="A99" s="18" t="s">
        <v>98</v>
      </c>
      <c r="B99" s="19"/>
      <c r="C99" s="27">
        <v>85609</v>
      </c>
      <c r="D99" s="28">
        <v>89443</v>
      </c>
      <c r="E99" s="29">
        <v>175052</v>
      </c>
      <c r="F99" s="27">
        <v>21359</v>
      </c>
      <c r="G99" s="28">
        <v>18255</v>
      </c>
      <c r="H99" s="29">
        <v>39614</v>
      </c>
      <c r="I99" s="30">
        <v>24.95</v>
      </c>
      <c r="J99" s="31">
        <v>20.41</v>
      </c>
      <c r="K99" s="32">
        <v>22.63</v>
      </c>
    </row>
    <row r="100" spans="1:11" ht="15.75" customHeight="1" x14ac:dyDescent="0.2">
      <c r="A100" s="7"/>
      <c r="B100" s="8" t="s">
        <v>99</v>
      </c>
      <c r="C100" s="27">
        <v>85609</v>
      </c>
      <c r="D100" s="28">
        <v>89443</v>
      </c>
      <c r="E100" s="29">
        <v>175052</v>
      </c>
      <c r="F100" s="27">
        <v>21359</v>
      </c>
      <c r="G100" s="28">
        <v>18255</v>
      </c>
      <c r="H100" s="29">
        <v>39614</v>
      </c>
      <c r="I100" s="30">
        <v>24.95</v>
      </c>
      <c r="J100" s="31">
        <v>20.41</v>
      </c>
      <c r="K100" s="32">
        <v>22.63</v>
      </c>
    </row>
    <row r="101" spans="1:11" ht="15.75" customHeight="1" x14ac:dyDescent="0.2">
      <c r="A101" s="18" t="s">
        <v>100</v>
      </c>
      <c r="B101" s="19"/>
      <c r="C101" s="27">
        <v>93598</v>
      </c>
      <c r="D101" s="28">
        <v>100075</v>
      </c>
      <c r="E101" s="29">
        <v>193673</v>
      </c>
      <c r="F101" s="27">
        <v>22838</v>
      </c>
      <c r="G101" s="28">
        <v>20675</v>
      </c>
      <c r="H101" s="29">
        <v>43513</v>
      </c>
      <c r="I101" s="30">
        <v>24.4</v>
      </c>
      <c r="J101" s="31">
        <v>20.66</v>
      </c>
      <c r="K101" s="32">
        <v>22.47</v>
      </c>
    </row>
    <row r="102" spans="1:11" ht="15.75" customHeight="1" thickBot="1" x14ac:dyDescent="0.25">
      <c r="A102" s="7"/>
      <c r="B102" s="8" t="s">
        <v>101</v>
      </c>
      <c r="C102" s="27">
        <v>93598</v>
      </c>
      <c r="D102" s="28">
        <v>100075</v>
      </c>
      <c r="E102" s="29">
        <v>193673</v>
      </c>
      <c r="F102" s="27">
        <v>22838</v>
      </c>
      <c r="G102" s="28">
        <v>20675</v>
      </c>
      <c r="H102" s="29">
        <v>43513</v>
      </c>
      <c r="I102" s="30">
        <v>24.4</v>
      </c>
      <c r="J102" s="31">
        <v>20.66</v>
      </c>
      <c r="K102" s="32">
        <v>22.47</v>
      </c>
    </row>
    <row r="103" spans="1:11" ht="15.75" customHeight="1" thickTop="1" thickBot="1" x14ac:dyDescent="0.25">
      <c r="A103" s="20" t="s">
        <v>102</v>
      </c>
      <c r="B103" s="21"/>
      <c r="C103" s="33">
        <v>179207</v>
      </c>
      <c r="D103" s="34">
        <v>189518</v>
      </c>
      <c r="E103" s="35">
        <v>368725</v>
      </c>
      <c r="F103" s="33">
        <v>44197</v>
      </c>
      <c r="G103" s="34">
        <v>38930</v>
      </c>
      <c r="H103" s="35">
        <v>83127</v>
      </c>
      <c r="I103" s="36">
        <v>24.66</v>
      </c>
      <c r="J103" s="37">
        <v>20.54</v>
      </c>
      <c r="K103" s="38">
        <v>22.54</v>
      </c>
    </row>
    <row r="104" spans="1:11" ht="15.75" customHeight="1" thickTop="1" x14ac:dyDescent="0.2">
      <c r="A104" s="18" t="s">
        <v>103</v>
      </c>
      <c r="B104" s="19"/>
      <c r="C104" s="27">
        <v>115508</v>
      </c>
      <c r="D104" s="28">
        <v>118869</v>
      </c>
      <c r="E104" s="29">
        <v>234377</v>
      </c>
      <c r="F104" s="27">
        <v>27514</v>
      </c>
      <c r="G104" s="28">
        <v>23976</v>
      </c>
      <c r="H104" s="29">
        <v>51490</v>
      </c>
      <c r="I104" s="30">
        <v>23.82</v>
      </c>
      <c r="J104" s="31">
        <v>20.170000000000002</v>
      </c>
      <c r="K104" s="32">
        <v>21.97</v>
      </c>
    </row>
    <row r="105" spans="1:11" ht="15.75" customHeight="1" x14ac:dyDescent="0.2">
      <c r="A105" s="7"/>
      <c r="B105" s="8" t="s">
        <v>104</v>
      </c>
      <c r="C105" s="27">
        <v>115508</v>
      </c>
      <c r="D105" s="28">
        <v>118869</v>
      </c>
      <c r="E105" s="29">
        <v>234377</v>
      </c>
      <c r="F105" s="27">
        <v>27514</v>
      </c>
      <c r="G105" s="28">
        <v>23976</v>
      </c>
      <c r="H105" s="29">
        <v>51490</v>
      </c>
      <c r="I105" s="30">
        <v>23.82</v>
      </c>
      <c r="J105" s="31">
        <v>20.170000000000002</v>
      </c>
      <c r="K105" s="32">
        <v>21.97</v>
      </c>
    </row>
    <row r="106" spans="1:11" ht="15.75" customHeight="1" thickBot="1" x14ac:dyDescent="0.25">
      <c r="A106" s="18" t="s">
        <v>105</v>
      </c>
      <c r="B106" s="19"/>
      <c r="C106" s="27">
        <v>54728</v>
      </c>
      <c r="D106" s="28">
        <v>55289</v>
      </c>
      <c r="E106" s="29">
        <v>110017</v>
      </c>
      <c r="F106" s="27">
        <v>13961</v>
      </c>
      <c r="G106" s="28">
        <v>13070</v>
      </c>
      <c r="H106" s="29">
        <v>27031</v>
      </c>
      <c r="I106" s="30">
        <v>25.51</v>
      </c>
      <c r="J106" s="31">
        <v>23.64</v>
      </c>
      <c r="K106" s="32">
        <v>24.57</v>
      </c>
    </row>
    <row r="107" spans="1:11" ht="15.75" customHeight="1" thickTop="1" thickBot="1" x14ac:dyDescent="0.25">
      <c r="A107" s="20" t="s">
        <v>106</v>
      </c>
      <c r="B107" s="21"/>
      <c r="C107" s="33">
        <v>170236</v>
      </c>
      <c r="D107" s="34">
        <v>174158</v>
      </c>
      <c r="E107" s="35">
        <v>344394</v>
      </c>
      <c r="F107" s="33">
        <v>41475</v>
      </c>
      <c r="G107" s="34">
        <v>37046</v>
      </c>
      <c r="H107" s="35">
        <v>78521</v>
      </c>
      <c r="I107" s="36">
        <v>24.36</v>
      </c>
      <c r="J107" s="37">
        <v>21.27</v>
      </c>
      <c r="K107" s="38">
        <v>22.8</v>
      </c>
    </row>
    <row r="108" spans="1:11" ht="15.75" customHeight="1" thickTop="1" x14ac:dyDescent="0.2">
      <c r="A108" s="18" t="s">
        <v>107</v>
      </c>
      <c r="B108" s="19"/>
      <c r="C108" s="27">
        <v>1538109</v>
      </c>
      <c r="D108" s="28">
        <v>1590847</v>
      </c>
      <c r="E108" s="29">
        <v>3128956</v>
      </c>
      <c r="F108" s="27">
        <v>393366</v>
      </c>
      <c r="G108" s="28">
        <v>340672</v>
      </c>
      <c r="H108" s="29">
        <v>734038</v>
      </c>
      <c r="I108" s="30">
        <v>25.57</v>
      </c>
      <c r="J108" s="31">
        <v>21.41</v>
      </c>
      <c r="K108" s="32">
        <v>23.46</v>
      </c>
    </row>
    <row r="109" spans="1:11" ht="15.75" customHeight="1" x14ac:dyDescent="0.2">
      <c r="A109" s="18" t="s">
        <v>108</v>
      </c>
      <c r="B109" s="19"/>
      <c r="C109" s="27">
        <v>642606</v>
      </c>
      <c r="D109" s="28">
        <v>632748</v>
      </c>
      <c r="E109" s="29">
        <v>1275354</v>
      </c>
      <c r="F109" s="27">
        <v>155759</v>
      </c>
      <c r="G109" s="28">
        <v>131177</v>
      </c>
      <c r="H109" s="29">
        <v>286936</v>
      </c>
      <c r="I109" s="30">
        <v>24.24</v>
      </c>
      <c r="J109" s="31">
        <v>20.73</v>
      </c>
      <c r="K109" s="32">
        <v>22.5</v>
      </c>
    </row>
    <row r="110" spans="1:11" ht="15.75" customHeight="1" x14ac:dyDescent="0.2">
      <c r="A110" s="18" t="s">
        <v>109</v>
      </c>
      <c r="B110" s="19"/>
      <c r="C110" s="27">
        <v>299443</v>
      </c>
      <c r="D110" s="28">
        <v>301606</v>
      </c>
      <c r="E110" s="29">
        <v>601049</v>
      </c>
      <c r="F110" s="27">
        <v>68133</v>
      </c>
      <c r="G110" s="28">
        <v>58157</v>
      </c>
      <c r="H110" s="29">
        <v>126290</v>
      </c>
      <c r="I110" s="30">
        <v>22.75</v>
      </c>
      <c r="J110" s="31">
        <v>19.28</v>
      </c>
      <c r="K110" s="32">
        <v>21.01</v>
      </c>
    </row>
    <row r="111" spans="1:11" ht="15.75" customHeight="1" thickBot="1" x14ac:dyDescent="0.25">
      <c r="A111" s="25" t="s">
        <v>110</v>
      </c>
      <c r="B111" s="26"/>
      <c r="C111" s="39">
        <v>24496</v>
      </c>
      <c r="D111" s="40">
        <v>26351</v>
      </c>
      <c r="E111" s="41">
        <v>50847</v>
      </c>
      <c r="F111" s="39">
        <v>3728</v>
      </c>
      <c r="G111" s="40">
        <v>3226</v>
      </c>
      <c r="H111" s="41">
        <v>6954</v>
      </c>
      <c r="I111" s="42">
        <v>15.22</v>
      </c>
      <c r="J111" s="43">
        <v>12.24</v>
      </c>
      <c r="K111" s="44">
        <v>13.68</v>
      </c>
    </row>
    <row r="112" spans="1:11" ht="15.75" customHeight="1" thickTop="1" x14ac:dyDescent="0.2">
      <c r="A112" s="18" t="s">
        <v>111</v>
      </c>
      <c r="B112" s="19"/>
      <c r="C112" s="27">
        <v>2480158</v>
      </c>
      <c r="D112" s="28">
        <v>2525201</v>
      </c>
      <c r="E112" s="29">
        <v>5005359</v>
      </c>
      <c r="F112" s="27">
        <v>617258</v>
      </c>
      <c r="G112" s="28">
        <v>530006</v>
      </c>
      <c r="H112" s="29">
        <v>1147264</v>
      </c>
      <c r="I112" s="30">
        <v>24.89</v>
      </c>
      <c r="J112" s="31">
        <v>20.99</v>
      </c>
      <c r="K112" s="32">
        <v>22.92</v>
      </c>
    </row>
    <row r="113" spans="1:11" ht="15.75" customHeight="1" x14ac:dyDescent="0.2">
      <c r="A113" s="18" t="s">
        <v>112</v>
      </c>
      <c r="B113" s="19"/>
      <c r="C113" s="27">
        <v>1200582</v>
      </c>
      <c r="D113" s="28">
        <v>1238345</v>
      </c>
      <c r="E113" s="29">
        <v>2438927</v>
      </c>
      <c r="F113" s="27">
        <v>260717</v>
      </c>
      <c r="G113" s="28">
        <v>222780</v>
      </c>
      <c r="H113" s="29">
        <v>483497</v>
      </c>
      <c r="I113" s="30">
        <v>21.72</v>
      </c>
      <c r="J113" s="31">
        <v>17.989999999999998</v>
      </c>
      <c r="K113" s="32">
        <v>19.82</v>
      </c>
    </row>
    <row r="114" spans="1:11" ht="15.75" customHeight="1" x14ac:dyDescent="0.2">
      <c r="A114" s="18" t="s">
        <v>113</v>
      </c>
      <c r="B114" s="19"/>
      <c r="C114" s="27">
        <v>117505</v>
      </c>
      <c r="D114" s="28">
        <v>122946</v>
      </c>
      <c r="E114" s="29">
        <v>240451</v>
      </c>
      <c r="F114" s="27">
        <v>22618</v>
      </c>
      <c r="G114" s="28">
        <v>20088</v>
      </c>
      <c r="H114" s="29">
        <v>42706</v>
      </c>
      <c r="I114" s="30">
        <v>19.25</v>
      </c>
      <c r="J114" s="31">
        <v>16.34</v>
      </c>
      <c r="K114" s="32">
        <v>17.760000000000002</v>
      </c>
    </row>
    <row r="115" spans="1:11" ht="15.75" customHeight="1" thickBot="1" x14ac:dyDescent="0.25">
      <c r="A115" s="23" t="s">
        <v>114</v>
      </c>
      <c r="B115" s="24"/>
      <c r="C115" s="45">
        <v>3798245</v>
      </c>
      <c r="D115" s="46">
        <v>3886492</v>
      </c>
      <c r="E115" s="47">
        <v>7684737</v>
      </c>
      <c r="F115" s="45">
        <v>900593</v>
      </c>
      <c r="G115" s="46">
        <v>772874</v>
      </c>
      <c r="H115" s="47">
        <v>1673467</v>
      </c>
      <c r="I115" s="48">
        <v>23.71</v>
      </c>
      <c r="J115" s="49">
        <v>19.89</v>
      </c>
      <c r="K115" s="50">
        <v>21.78</v>
      </c>
    </row>
  </sheetData>
  <mergeCells count="73">
    <mergeCell ref="A113:B113"/>
    <mergeCell ref="A114:B114"/>
    <mergeCell ref="A115:B115"/>
    <mergeCell ref="A107:B107"/>
    <mergeCell ref="A108:B108"/>
    <mergeCell ref="A109:B109"/>
    <mergeCell ref="A110:B110"/>
    <mergeCell ref="A111:B111"/>
    <mergeCell ref="A101:B101"/>
    <mergeCell ref="A103:B103"/>
    <mergeCell ref="A104:B104"/>
    <mergeCell ref="A106:B106"/>
    <mergeCell ref="A112:B112"/>
    <mergeCell ref="A90:B90"/>
    <mergeCell ref="A94:B94"/>
    <mergeCell ref="A95:B95"/>
    <mergeCell ref="A98:B98"/>
    <mergeCell ref="A99:B99"/>
    <mergeCell ref="A79:B79"/>
    <mergeCell ref="A80:B80"/>
    <mergeCell ref="A81:B81"/>
    <mergeCell ref="A82:B82"/>
    <mergeCell ref="A84:B84"/>
    <mergeCell ref="A74:B74"/>
    <mergeCell ref="A75:B75"/>
    <mergeCell ref="A76:B76"/>
    <mergeCell ref="A77:B77"/>
    <mergeCell ref="A78:B78"/>
    <mergeCell ref="A66:B66"/>
    <mergeCell ref="A69:B69"/>
    <mergeCell ref="A70:B70"/>
    <mergeCell ref="A71:B71"/>
    <mergeCell ref="A72:B72"/>
    <mergeCell ref="A58:B58"/>
    <mergeCell ref="A60:B60"/>
    <mergeCell ref="A61:B61"/>
    <mergeCell ref="A62:B62"/>
    <mergeCell ref="A63:B63"/>
    <mergeCell ref="A52:B52"/>
    <mergeCell ref="A53:B53"/>
    <mergeCell ref="A54:B54"/>
    <mergeCell ref="A55:B55"/>
    <mergeCell ref="A57:B57"/>
    <mergeCell ref="A43:B43"/>
    <mergeCell ref="A46:B46"/>
    <mergeCell ref="A47:B47"/>
    <mergeCell ref="A50:B50"/>
    <mergeCell ref="A51:B51"/>
    <mergeCell ref="A35:B35"/>
    <mergeCell ref="A36:B36"/>
    <mergeCell ref="A38:B38"/>
    <mergeCell ref="A39:B39"/>
    <mergeCell ref="A42:B42"/>
    <mergeCell ref="A25:B25"/>
    <mergeCell ref="A27:B27"/>
    <mergeCell ref="A28:B28"/>
    <mergeCell ref="A31:B31"/>
    <mergeCell ref="A32:B32"/>
    <mergeCell ref="A17:B17"/>
    <mergeCell ref="A20:B20"/>
    <mergeCell ref="A21:B21"/>
    <mergeCell ref="A23:B23"/>
    <mergeCell ref="A24:B24"/>
    <mergeCell ref="A7:B7"/>
    <mergeCell ref="A11:B11"/>
    <mergeCell ref="A12:B12"/>
    <mergeCell ref="A4:B4"/>
    <mergeCell ref="A16:B16"/>
    <mergeCell ref="G3:H3"/>
    <mergeCell ref="A5:B6"/>
    <mergeCell ref="C5:E5"/>
    <mergeCell ref="F5:H5"/>
    <mergeCell ref="I5:K5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内</vt:lpstr>
      <vt:lpstr>国内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4-01-25T12:48:04Z</cp:lastPrinted>
  <dcterms:created xsi:type="dcterms:W3CDTF">2023-04-17T21:08:08Z</dcterms:created>
  <dcterms:modified xsi:type="dcterms:W3CDTF">2026-02-08T06:51:33Z</dcterms:modified>
</cp:coreProperties>
</file>